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9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0796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126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9DCB5C-4A33-42AE-9567-A77C7F6FCEA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0B1D30C-50D1-481F-A732-584371C03D2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492D33-C28E-47C0-A266-764809E2A0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DE14CF-B541-42FF-9FC1-5BD96F8241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6A1A91-2EFE-4777-A3B0-F19315A37C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615345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5C2CC4-19FC-454D-A07B-F2A5C27C6F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7CD21B-5D40-44DF-9E2C-E4950F9F4ED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6DA25B-3F88-4659-91E4-14A9B2B79B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BFBD858-2164-4310-B200-BEEC39D563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F35C87-8C10-4E9F-83F1-166ACB698B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42520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E82D4FE-75C1-40C7-AB59-861D1A80BC1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3792981-E12B-4EFC-82FF-886AE66C2F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D391C5-D13E-4880-92B3-B2F9E1F188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0A770E-7D77-437B-9F76-2F90EC97D9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B18DD8-BC49-41B5-9E5D-705016CFEB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05730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C37929-ADC8-4F91-9D17-8D2716A4D1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AC2731-CF0F-4E5E-989A-108FF2262BD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8C66717-D5B6-4C0F-B2C5-DD2764D687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45E27A-B200-4FB6-9FDB-57DF9D031E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FF6137-3924-4E8B-BA49-573AF6AA4B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65168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4E087F-F96D-4A1A-91BD-845892BB3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98E8E40-3889-4660-B5FA-B4AF6FF3F01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2733A78-BDD7-48B8-8CB0-4F62C6342E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145A66-1E67-43B8-A6FD-975291320AB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D925E8-BD78-4B2C-BE19-7771BB9E07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7670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08EFDA-F9B6-4505-932A-C3C8CF58FB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6C8D18-2158-4749-91D3-3C1D1C39A1A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4834FF6-D001-4CD5-92DC-BBAFD696347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99B33C0-7912-4030-9F46-8C8F86C700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C1CC7C3-3247-4EBB-990D-85A4617E21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01FA904-456D-48B2-8C7D-F3A20DCB18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03332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B5C17F-623B-494A-9DDA-DD78F1EBDC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77AC5C-A711-4FFE-9542-B7376F1CB62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CCF012A-FFE9-455E-97EA-13F7DE6F28F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557EFEE-A811-4459-9A7C-C8E199F6091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5858B1D-B82A-4419-B009-740133E0FAC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D6FBA6-4204-4D54-9E45-3B63754E10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1840201-7C85-4EE6-B4E4-70EF7C17C5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A21E0EE-49E6-4519-93A3-5DE3A9C8A7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65948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4437D7-964D-427B-8874-C7254F179D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7F5DCE0-AFB6-4385-8464-548A58FCC0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3F47DD1-81D9-4513-B1D3-734F497DFF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EB96502-E105-4F55-B389-8AAC509DD9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76459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5DF699A-500B-4399-816A-6AACF1BB5A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B4D8F22-ED54-4E00-9D23-DA557E8DAB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7D67A3C-8F0A-4C69-B87F-36243345E5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270879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43127D-0764-4666-BB2F-719B47DD22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6C3258-1E59-4619-A92F-E04F464C237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D3AE8D5-6D37-4D55-B4ED-5A18DC98D80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9F5B394-443F-4726-AE9B-AC2AC49D54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55FEF6C-0C40-4440-B051-CF00AA29E7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0ED42F-E081-4ACE-AD79-FD461D26BA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7650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35DFCC-C735-47E3-B025-09B112A5E2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29A60E7-CA4B-4279-99EA-0E21657013F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FB29100-6678-4CB5-B73E-D2DB68B6D75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BF58496-D1C5-445E-8C19-A1939B9E4E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5EC00AD-A9D7-49A6-B45A-2CB1B0518B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244E47E-C509-4ACE-ACFB-C82FE392CF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88512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0E30312-3BAC-4FE3-BE8F-8FDBEAEC56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30D565-1C74-4974-9300-CBE79A6E1DC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D48FAA-E4E0-4CE9-AF12-09E57F987B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52F9461-7813-4DAC-B0D3-8EE06EAE015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66483D-8A27-4207-B695-1E1B800EFB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D29F184-3D28-44BE-B306-88435AC13EE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37045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92127279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OTLSHAPE_SL_bc7b8881d5ce4a79b7badb83a554ac41_BackgroundRectangle">
            <a:extLst>
              <a:ext uri="{FF2B5EF4-FFF2-40B4-BE49-F238E27FC236}">
                <a16:creationId xmlns:a16="http://schemas.microsoft.com/office/drawing/2014/main" id="{1337E550-970B-4031-91F8-91E3707AF06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423984"/>
            <a:ext cx="11290300" cy="7926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5" name="OTLSHAPE_SL2A_eba7da77e03749b58e34fa3cb7280bc2_BackgroundRectangle">
            <a:extLst>
              <a:ext uri="{FF2B5EF4-FFF2-40B4-BE49-F238E27FC236}">
                <a16:creationId xmlns:a16="http://schemas.microsoft.com/office/drawing/2014/main" id="{87F5A77E-47A3-41A0-ACC6-B9C555C5DD6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97586" y="3152648"/>
            <a:ext cx="10350500" cy="7926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2A_e7c826b2b0d64b84bbbb08da2e0b9214_BackgroundRectangle">
            <a:extLst>
              <a:ext uri="{FF2B5EF4-FFF2-40B4-BE49-F238E27FC236}">
                <a16:creationId xmlns:a16="http://schemas.microsoft.com/office/drawing/2014/main" id="{E01F5847-3FD7-49E9-B6D2-294B307CDF5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97586" y="3945297"/>
            <a:ext cx="10350500" cy="79288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5" name="OTLSHAPE_SL2A_9ca1b9625c5a45b2bf2c2af32bc33c1d_BackgroundRectangle">
            <a:extLst>
              <a:ext uri="{FF2B5EF4-FFF2-40B4-BE49-F238E27FC236}">
                <a16:creationId xmlns:a16="http://schemas.microsoft.com/office/drawing/2014/main" id="{2E247440-E1C5-4F07-8F2E-526035EE78A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97586" y="4801684"/>
            <a:ext cx="10350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2A_91d3005f68ee478396b2262fae019fbe_BackgroundRectangle">
            <a:extLst>
              <a:ext uri="{FF2B5EF4-FFF2-40B4-BE49-F238E27FC236}">
                <a16:creationId xmlns:a16="http://schemas.microsoft.com/office/drawing/2014/main" id="{DE33B98A-6A26-440C-8CF0-9F4F6A3441B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97586" y="5081084"/>
            <a:ext cx="103505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73" name="OTLSHAPE_SL2AL_00000000000000000000000000000000_ShapeBelow0">
            <a:extLst>
              <a:ext uri="{FF2B5EF4-FFF2-40B4-BE49-F238E27FC236}">
                <a16:creationId xmlns:a16="http://schemas.microsoft.com/office/drawing/2014/main" id="{C4A47576-3C05-4EF4-AA05-476A195F97F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97586" y="3945297"/>
            <a:ext cx="10349948" cy="0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SL2AL_00000000000000000000000000000000_ShapeBelow1">
            <a:extLst>
              <a:ext uri="{FF2B5EF4-FFF2-40B4-BE49-F238E27FC236}">
                <a16:creationId xmlns:a16="http://schemas.microsoft.com/office/drawing/2014/main" id="{5901E22E-2861-48DD-BCC9-F10B04FEB0D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97586" y="5081084"/>
            <a:ext cx="10349948" cy="0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6" name="OTLSHAPE_T_126c7706a1214aa897eaf51f8dfe330a_HorizontalConnector1">
            <a:extLst>
              <a:ext uri="{FF2B5EF4-FFF2-40B4-BE49-F238E27FC236}">
                <a16:creationId xmlns:a16="http://schemas.microsoft.com/office/drawing/2014/main" id="{A66B1E6F-97D4-4C71-B18B-96FE0884642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55235" y="776901"/>
            <a:ext cx="123294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" name="OTLSHAPE_T_cad8d00c5bfe4949aaf84c6d3d685e5a_HorizontalConnector1">
            <a:extLst>
              <a:ext uri="{FF2B5EF4-FFF2-40B4-BE49-F238E27FC236}">
                <a16:creationId xmlns:a16="http://schemas.microsoft.com/office/drawing/2014/main" id="{3202B3F5-33D6-47F2-AF0A-030B9AD2296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55235" y="1262126"/>
            <a:ext cx="333111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" name="OTLSHAPE_T_50266eb274c44a1f98d5f254d0340496_HorizontalConnector1">
            <a:extLst>
              <a:ext uri="{FF2B5EF4-FFF2-40B4-BE49-F238E27FC236}">
                <a16:creationId xmlns:a16="http://schemas.microsoft.com/office/drawing/2014/main" id="{30629462-E5AB-4355-94FE-5CB42DC03E0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55236" y="1747351"/>
            <a:ext cx="642562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" name="OTLSHAPE_M_1905a823b90b4a188d2d2cedc8537846_Connector1">
            <a:extLst>
              <a:ext uri="{FF2B5EF4-FFF2-40B4-BE49-F238E27FC236}">
                <a16:creationId xmlns:a16="http://schemas.microsoft.com/office/drawing/2014/main" id="{C0CA7818-FF94-4688-AAFA-34E4AD852E9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275487" y="2137325"/>
            <a:ext cx="0" cy="42807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5" name="OTLSHAPE_TB_00000000000000000000000000000000_ScaleContainer">
            <a:extLst>
              <a:ext uri="{FF2B5EF4-FFF2-40B4-BE49-F238E27FC236}">
                <a16:creationId xmlns:a16="http://schemas.microsoft.com/office/drawing/2014/main" id="{E64F273F-7607-46DE-90DD-E5398273135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712352" y="2565400"/>
            <a:ext cx="9639300" cy="182880"/>
          </a:xfrm>
          <a:prstGeom prst="round2SameRect">
            <a:avLst/>
          </a:prstGeom>
          <a:solidFill>
            <a:srgbClr val="52657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_f1a631cc7fd44e36bd66ab703941dafa_HeaderRectangle">
            <a:extLst>
              <a:ext uri="{FF2B5EF4-FFF2-40B4-BE49-F238E27FC236}">
                <a16:creationId xmlns:a16="http://schemas.microsoft.com/office/drawing/2014/main" id="{BD5FD4F9-88C1-4008-991B-9EBF01BE61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152648"/>
            <a:ext cx="939800" cy="1585536"/>
          </a:xfrm>
          <a:prstGeom prst="rect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_4c6a33e4b32a456dadaffbae832e08a1_HeaderRectangle">
            <a:extLst>
              <a:ext uri="{FF2B5EF4-FFF2-40B4-BE49-F238E27FC236}">
                <a16:creationId xmlns:a16="http://schemas.microsoft.com/office/drawing/2014/main" id="{ABF8D043-AAF7-4572-9EDF-05CAF416DD9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801684"/>
            <a:ext cx="9398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_bc7b8881d5ce4a79b7badb83a554ac41_HeaderRectangle">
            <a:extLst>
              <a:ext uri="{FF2B5EF4-FFF2-40B4-BE49-F238E27FC236}">
                <a16:creationId xmlns:a16="http://schemas.microsoft.com/office/drawing/2014/main" id="{C5679369-AE6B-4537-ADAE-3D7CD838FC0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423984"/>
            <a:ext cx="1524000" cy="79264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2A_eba7da77e03749b58e34fa3cb7280bc2_HeaderRectangle">
            <a:extLst>
              <a:ext uri="{FF2B5EF4-FFF2-40B4-BE49-F238E27FC236}">
                <a16:creationId xmlns:a16="http://schemas.microsoft.com/office/drawing/2014/main" id="{AB1491E3-1A6E-48A8-950E-6DC2421D149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97586" y="3152648"/>
            <a:ext cx="596900" cy="792649"/>
          </a:xfrm>
          <a:prstGeom prst="rect">
            <a:avLst/>
          </a:prstGeom>
          <a:solidFill>
            <a:srgbClr val="207996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2A_e7c826b2b0d64b84bbbb08da2e0b9214_HeaderRectangle">
            <a:extLst>
              <a:ext uri="{FF2B5EF4-FFF2-40B4-BE49-F238E27FC236}">
                <a16:creationId xmlns:a16="http://schemas.microsoft.com/office/drawing/2014/main" id="{A354534E-0157-477C-86D0-AB63978AB7A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97586" y="3945297"/>
            <a:ext cx="596900" cy="792887"/>
          </a:xfrm>
          <a:prstGeom prst="rect">
            <a:avLst/>
          </a:prstGeom>
          <a:solidFill>
            <a:srgbClr val="207996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3" name="OTLSHAPE_SL2A_9ca1b9625c5a45b2bf2c2af32bc33c1d_HeaderRectangle">
            <a:extLst>
              <a:ext uri="{FF2B5EF4-FFF2-40B4-BE49-F238E27FC236}">
                <a16:creationId xmlns:a16="http://schemas.microsoft.com/office/drawing/2014/main" id="{9697A7F5-09AE-4279-B903-BD1E67A5DA1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97586" y="4801684"/>
            <a:ext cx="5969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2A_91d3005f68ee478396b2262fae019fbe_HeaderRectangle">
            <a:extLst>
              <a:ext uri="{FF2B5EF4-FFF2-40B4-BE49-F238E27FC236}">
                <a16:creationId xmlns:a16="http://schemas.microsoft.com/office/drawing/2014/main" id="{43D1B92F-F1F5-420E-BE34-DB174A62DD6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97586" y="5081084"/>
            <a:ext cx="5969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TB_00000000000000000000000000000000_MiddleScaleContainer">
            <a:extLst>
              <a:ext uri="{FF2B5EF4-FFF2-40B4-BE49-F238E27FC236}">
                <a16:creationId xmlns:a16="http://schemas.microsoft.com/office/drawing/2014/main" id="{42152A08-44A0-491E-8984-09083344550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12352" y="2757424"/>
            <a:ext cx="9639300" cy="182880"/>
          </a:xfrm>
          <a:prstGeom prst="rect">
            <a:avLst/>
          </a:prstGeom>
          <a:solidFill>
            <a:srgbClr val="2C37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7" name="OTLSHAPE_G_00000000000000000000000000000000_ShapeBelow0">
            <a:extLst>
              <a:ext uri="{FF2B5EF4-FFF2-40B4-BE49-F238E27FC236}">
                <a16:creationId xmlns:a16="http://schemas.microsoft.com/office/drawing/2014/main" id="{F3B02895-0392-4390-B27B-3CFD82763450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790742" y="2949448"/>
            <a:ext cx="0" cy="32671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G_00000000000000000000000000000000_ShapeBelow1">
            <a:extLst>
              <a:ext uri="{FF2B5EF4-FFF2-40B4-BE49-F238E27FC236}">
                <a16:creationId xmlns:a16="http://schemas.microsoft.com/office/drawing/2014/main" id="{9BC7FFE4-4C58-4F24-A6FE-4A059A00CFE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845689" y="2949448"/>
            <a:ext cx="0" cy="32671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G_00000000000000000000000000000000_ShapeBelow2">
            <a:extLst>
              <a:ext uri="{FF2B5EF4-FFF2-40B4-BE49-F238E27FC236}">
                <a16:creationId xmlns:a16="http://schemas.microsoft.com/office/drawing/2014/main" id="{989CCEE3-4E0F-4BEA-A56A-92F7B45B813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912358" y="2949448"/>
            <a:ext cx="0" cy="32671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3">
            <a:extLst>
              <a:ext uri="{FF2B5EF4-FFF2-40B4-BE49-F238E27FC236}">
                <a16:creationId xmlns:a16="http://schemas.microsoft.com/office/drawing/2014/main" id="{0BECC1E7-4DCC-4742-9999-67DDCFC99862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990748" y="2949448"/>
            <a:ext cx="0" cy="32671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4">
            <a:extLst>
              <a:ext uri="{FF2B5EF4-FFF2-40B4-BE49-F238E27FC236}">
                <a16:creationId xmlns:a16="http://schemas.microsoft.com/office/drawing/2014/main" id="{6DA181A6-001E-48F1-8BF8-ED12A1E0256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069138" y="2949448"/>
            <a:ext cx="0" cy="32671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5">
            <a:extLst>
              <a:ext uri="{FF2B5EF4-FFF2-40B4-BE49-F238E27FC236}">
                <a16:creationId xmlns:a16="http://schemas.microsoft.com/office/drawing/2014/main" id="{A9C54FCA-040F-4458-947D-C173830412C0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124086" y="2949448"/>
            <a:ext cx="0" cy="32671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G_00000000000000000000000000000000_ShapeBelow6">
            <a:extLst>
              <a:ext uri="{FF2B5EF4-FFF2-40B4-BE49-F238E27FC236}">
                <a16:creationId xmlns:a16="http://schemas.microsoft.com/office/drawing/2014/main" id="{E95F2D48-6722-46F6-9208-C57F35ABCE22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190754" y="2949448"/>
            <a:ext cx="0" cy="32671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G_00000000000000000000000000000000_ShapeBelow7">
            <a:extLst>
              <a:ext uri="{FF2B5EF4-FFF2-40B4-BE49-F238E27FC236}">
                <a16:creationId xmlns:a16="http://schemas.microsoft.com/office/drawing/2014/main" id="{81E1B819-1913-4FDE-B7D8-D535DEDC24B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0269145" y="2949448"/>
            <a:ext cx="0" cy="32671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SLT_5b14614bc45649efaadca1f538dacaae_Shape">
            <a:extLst>
              <a:ext uri="{FF2B5EF4-FFF2-40B4-BE49-F238E27FC236}">
                <a16:creationId xmlns:a16="http://schemas.microsoft.com/office/drawing/2014/main" id="{EF30041C-AD6D-4841-88E9-C5FD5641982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712352" y="3509560"/>
            <a:ext cx="4838700" cy="155025"/>
          </a:xfrm>
          <a:prstGeom prst="roundRect">
            <a:avLst>
              <a:gd name="adj" fmla="val 100000"/>
            </a:avLst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07" name="OTLSHAPE_SLT_0d439153d49c4e80a0c14b7a78388824_Shape">
            <a:extLst>
              <a:ext uri="{FF2B5EF4-FFF2-40B4-BE49-F238E27FC236}">
                <a16:creationId xmlns:a16="http://schemas.microsoft.com/office/drawing/2014/main" id="{FA32BFF8-1CE8-470B-A8BF-7DAAEE9860C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712352" y="3752173"/>
            <a:ext cx="787400" cy="155025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SLT_2fe3f2d90e69486caed6f298c4773299_Shape">
            <a:extLst>
              <a:ext uri="{FF2B5EF4-FFF2-40B4-BE49-F238E27FC236}">
                <a16:creationId xmlns:a16="http://schemas.microsoft.com/office/drawing/2014/main" id="{8BBBB308-E417-45B4-B058-E6BE040865E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080860" y="5119184"/>
            <a:ext cx="4699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8" name="OTLSHAPE_SLT_9e60a6b06d464beb8726b9ed86e2fe7c_Shape">
            <a:extLst>
              <a:ext uri="{FF2B5EF4-FFF2-40B4-BE49-F238E27FC236}">
                <a16:creationId xmlns:a16="http://schemas.microsoft.com/office/drawing/2014/main" id="{1154A35C-E78F-4DD3-A66C-CFD7768189E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549725" y="5119184"/>
            <a:ext cx="6731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T_9e4cdc3d06c44978b1b2dcd06dbe3d35_Shape">
            <a:extLst>
              <a:ext uri="{FF2B5EF4-FFF2-40B4-BE49-F238E27FC236}">
                <a16:creationId xmlns:a16="http://schemas.microsoft.com/office/drawing/2014/main" id="{1193BD1C-1AEC-48EB-BF0C-5C742294FEA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724074" y="5780896"/>
            <a:ext cx="2844800" cy="155025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T_5edf2423b99b4ffcb4bf6ff2f423dd26_Shape">
            <a:extLst>
              <a:ext uri="{FF2B5EF4-FFF2-40B4-BE49-F238E27FC236}">
                <a16:creationId xmlns:a16="http://schemas.microsoft.com/office/drawing/2014/main" id="{42430C2A-7032-4B0D-A54A-0DCFAD58E13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666204" y="5780896"/>
            <a:ext cx="2298700" cy="155025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096507731fa94a99a07d38e09d6086c8_Shape">
            <a:extLst>
              <a:ext uri="{FF2B5EF4-FFF2-40B4-BE49-F238E27FC236}">
                <a16:creationId xmlns:a16="http://schemas.microsoft.com/office/drawing/2014/main" id="{D468130B-5A79-49A5-83C5-24FEC3F0EE4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698446" y="5780896"/>
            <a:ext cx="2527300" cy="155025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T_6f9a01a157ce4881bb62baa76adb526e_Shape">
            <a:extLst>
              <a:ext uri="{FF2B5EF4-FFF2-40B4-BE49-F238E27FC236}">
                <a16:creationId xmlns:a16="http://schemas.microsoft.com/office/drawing/2014/main" id="{EA5BE16F-64B9-4B88-B4F0-C09D831CAFE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712352" y="6023509"/>
            <a:ext cx="9512300" cy="155025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4" name="OTLSHAPE_SLT_069d592f47ff4204a0f1df33e0fbfb05_Shape">
            <a:extLst>
              <a:ext uri="{FF2B5EF4-FFF2-40B4-BE49-F238E27FC236}">
                <a16:creationId xmlns:a16="http://schemas.microsoft.com/office/drawing/2014/main" id="{93DABCB1-EC3A-4B7F-A1CB-8B6FCD15287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217859" y="5119184"/>
            <a:ext cx="14859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2" name="OTLSHAPE_SLT_fcca045b7c914492b7e33f98b1b78059_Shape">
            <a:extLst>
              <a:ext uri="{FF2B5EF4-FFF2-40B4-BE49-F238E27FC236}">
                <a16:creationId xmlns:a16="http://schemas.microsoft.com/office/drawing/2014/main" id="{09D0750A-4379-4815-89A4-D90A7EFE141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694784" y="5119184"/>
            <a:ext cx="8128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" name="OTLSHAPE_SLT_f87647d5902f4da790f6c688204a6dfc_Shape">
            <a:extLst>
              <a:ext uri="{FF2B5EF4-FFF2-40B4-BE49-F238E27FC236}">
                <a16:creationId xmlns:a16="http://schemas.microsoft.com/office/drawing/2014/main" id="{2C9452FE-4AAE-497C-B2B3-FBE2B96CFA3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503577" y="5119184"/>
            <a:ext cx="5334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SLT_c93c3cb3d8f845848f709f3e0dec2831_Shape">
            <a:extLst>
              <a:ext uri="{FF2B5EF4-FFF2-40B4-BE49-F238E27FC236}">
                <a16:creationId xmlns:a16="http://schemas.microsoft.com/office/drawing/2014/main" id="{BF91A367-19DC-41B4-B74A-79AAB2469A5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080860" y="4839784"/>
            <a:ext cx="4699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" name="OTLSHAPE_SLT_9700898b83ea43e7b1643b6f9a689af2_Shape">
            <a:extLst>
              <a:ext uri="{FF2B5EF4-FFF2-40B4-BE49-F238E27FC236}">
                <a16:creationId xmlns:a16="http://schemas.microsoft.com/office/drawing/2014/main" id="{09C0B535-7FD4-48D3-A846-8457DD5117D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549725" y="4839784"/>
            <a:ext cx="6731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0" name="OTLSHAPE_SLT_c49e78e3bcbd45338f0d8191b0ba9880_Shape">
            <a:extLst>
              <a:ext uri="{FF2B5EF4-FFF2-40B4-BE49-F238E27FC236}">
                <a16:creationId xmlns:a16="http://schemas.microsoft.com/office/drawing/2014/main" id="{42B4118C-2415-43E3-BE53-6F110853416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217859" y="4839784"/>
            <a:ext cx="14859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" name="OTLSHAPE_SLT_3b62e098f91d40279a50b2bf181e9466_Shape">
            <a:extLst>
              <a:ext uri="{FF2B5EF4-FFF2-40B4-BE49-F238E27FC236}">
                <a16:creationId xmlns:a16="http://schemas.microsoft.com/office/drawing/2014/main" id="{516C8B26-355A-466B-B47A-A9A456FB386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694784" y="4839784"/>
            <a:ext cx="8128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SLT_be0b875bd941482da5098b012a0eb8c6_Shape">
            <a:extLst>
              <a:ext uri="{FF2B5EF4-FFF2-40B4-BE49-F238E27FC236}">
                <a16:creationId xmlns:a16="http://schemas.microsoft.com/office/drawing/2014/main" id="{A31109B8-1A16-45D6-A450-4EA06043231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503577" y="4839784"/>
            <a:ext cx="5334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T_c64ec2d277074b3b983963e2e8fe0c15_Shape">
            <a:extLst>
              <a:ext uri="{FF2B5EF4-FFF2-40B4-BE49-F238E27FC236}">
                <a16:creationId xmlns:a16="http://schemas.microsoft.com/office/drawing/2014/main" id="{AE828C65-C2FE-468A-9F24-A93C094DD7C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12358" y="4302209"/>
            <a:ext cx="5359400" cy="155025"/>
          </a:xfrm>
          <a:prstGeom prst="roundRect">
            <a:avLst>
              <a:gd name="adj" fmla="val 100000"/>
            </a:avLst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3" name="OTLSHAPE_SLT_7af02f71caf4443891853caeccc65f72_Shape">
            <a:extLst>
              <a:ext uri="{FF2B5EF4-FFF2-40B4-BE49-F238E27FC236}">
                <a16:creationId xmlns:a16="http://schemas.microsoft.com/office/drawing/2014/main" id="{717F2A22-F12C-4778-B962-503EC4E95DD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17853" y="3752173"/>
            <a:ext cx="1041400" cy="155025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" name="OTLSHAPE_SLT_679846191ed748259303d5a3d4f8233e_Shape">
            <a:extLst>
              <a:ext uri="{FF2B5EF4-FFF2-40B4-BE49-F238E27FC236}">
                <a16:creationId xmlns:a16="http://schemas.microsoft.com/office/drawing/2014/main" id="{D7E3C981-5213-4D06-BD53-D88B1EB94AB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497702" y="3752173"/>
            <a:ext cx="977900" cy="155025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5" name="OTLSHAPE_SLT_abf51c82f03e482591b2aed21dab9397_Shape">
            <a:extLst>
              <a:ext uri="{FF2B5EF4-FFF2-40B4-BE49-F238E27FC236}">
                <a16:creationId xmlns:a16="http://schemas.microsoft.com/office/drawing/2014/main" id="{AE3634F7-7F36-4F92-9741-317FE4DE03F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470597" y="3752173"/>
            <a:ext cx="1549400" cy="155025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" name="OTLSHAPE_SLT_5ed92e133e8b4b95826b251c5f1594d6_Shape">
            <a:extLst>
              <a:ext uri="{FF2B5EF4-FFF2-40B4-BE49-F238E27FC236}">
                <a16:creationId xmlns:a16="http://schemas.microsoft.com/office/drawing/2014/main" id="{45758F03-DD7E-454F-9A16-D62496F69B2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049356" y="3752173"/>
            <a:ext cx="495300" cy="155025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1" name="OTLSHAPE_SLT_fb476a2ad7b749b1942ff25e771ae435_Shape">
            <a:extLst>
              <a:ext uri="{FF2B5EF4-FFF2-40B4-BE49-F238E27FC236}">
                <a16:creationId xmlns:a16="http://schemas.microsoft.com/office/drawing/2014/main" id="{7DE695DA-FFD9-4CA0-AD74-FECFE2F0DE5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912358" y="4544822"/>
            <a:ext cx="812800" cy="155262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SLT_7e5977c3405d45f8b09bf58996e1a439_Shape">
            <a:extLst>
              <a:ext uri="{FF2B5EF4-FFF2-40B4-BE49-F238E27FC236}">
                <a16:creationId xmlns:a16="http://schemas.microsoft.com/office/drawing/2014/main" id="{710DE5C2-8069-40E6-8338-6672C3745E1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721151" y="4544822"/>
            <a:ext cx="1117600" cy="155262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6" name="OTLSHAPE_SLT_73ceedc2c3364336a87899dbaf5e2554_Shape">
            <a:extLst>
              <a:ext uri="{FF2B5EF4-FFF2-40B4-BE49-F238E27FC236}">
                <a16:creationId xmlns:a16="http://schemas.microsoft.com/office/drawing/2014/main" id="{9AA7A40E-6F58-4D44-BF5C-3B988783358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834706" y="4544822"/>
            <a:ext cx="1765300" cy="155262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7" name="OTLSHAPE_SLT_30d2cc0bfd7b4bee81b67e81afcc8ea9_Shape">
            <a:extLst>
              <a:ext uri="{FF2B5EF4-FFF2-40B4-BE49-F238E27FC236}">
                <a16:creationId xmlns:a16="http://schemas.microsoft.com/office/drawing/2014/main" id="{F4A94B22-0DD6-4986-A15F-4B58BD914FF4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592951" y="4544822"/>
            <a:ext cx="1181100" cy="155262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" name="OTLSHAPE_SLT_9d8547bbffe948d19bb342f0593c9c76_Shape">
            <a:extLst>
              <a:ext uri="{FF2B5EF4-FFF2-40B4-BE49-F238E27FC236}">
                <a16:creationId xmlns:a16="http://schemas.microsoft.com/office/drawing/2014/main" id="{A49F5990-CD63-49D1-8A6D-1AFF8C88268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765114" y="4544822"/>
            <a:ext cx="508000" cy="155262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_f1a631cc7fd44e36bd66ab703941dafa_Header">
            <a:extLst>
              <a:ext uri="{FF2B5EF4-FFF2-40B4-BE49-F238E27FC236}">
                <a16:creationId xmlns:a16="http://schemas.microsoft.com/office/drawing/2014/main" id="{655CF800-1FB1-43CD-A846-59B79E8BB59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3759361"/>
            <a:ext cx="939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 </a:t>
            </a:r>
            <a:b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ROJECT</a:t>
            </a:r>
          </a:p>
        </p:txBody>
      </p:sp>
      <p:sp>
        <p:nvSpPr>
          <p:cNvPr id="63" name="OTLSHAPE_SL_4c6a33e4b32a456dadaffbae832e08a1_Header">
            <a:extLst>
              <a:ext uri="{FF2B5EF4-FFF2-40B4-BE49-F238E27FC236}">
                <a16:creationId xmlns:a16="http://schemas.microsoft.com/office/drawing/2014/main" id="{5A2FD9F2-0CF5-4A8F-A2E9-5E8C34E9722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4988056"/>
            <a:ext cx="93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OBILE</a:t>
            </a:r>
          </a:p>
        </p:txBody>
      </p:sp>
      <p:sp>
        <p:nvSpPr>
          <p:cNvPr id="66" name="OTLSHAPE_SL_bc7b8881d5ce4a79b7badb83a554ac41_Header">
            <a:extLst>
              <a:ext uri="{FF2B5EF4-FFF2-40B4-BE49-F238E27FC236}">
                <a16:creationId xmlns:a16="http://schemas.microsoft.com/office/drawing/2014/main" id="{28EC223F-986F-470D-B762-7370AA4AEF2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5727281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74" name="OTLSHAPE_SL2A_eba7da77e03749b58e34fa3cb7280bc2_Header">
            <a:extLst>
              <a:ext uri="{FF2B5EF4-FFF2-40B4-BE49-F238E27FC236}">
                <a16:creationId xmlns:a16="http://schemas.microsoft.com/office/drawing/2014/main" id="{CA95E172-AA24-43ED-904F-24252DC6304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61086" y="346371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Dev V1</a:t>
            </a:r>
          </a:p>
        </p:txBody>
      </p:sp>
      <p:sp>
        <p:nvSpPr>
          <p:cNvPr id="93" name="OTLSHAPE_SL2A_e7c826b2b0d64b84bbbb08da2e0b9214_Header">
            <a:extLst>
              <a:ext uri="{FF2B5EF4-FFF2-40B4-BE49-F238E27FC236}">
                <a16:creationId xmlns:a16="http://schemas.microsoft.com/office/drawing/2014/main" id="{5DA73975-8D6D-44BA-9B98-E1D0A87C959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61086" y="4256481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Dev V2</a:t>
            </a:r>
          </a:p>
        </p:txBody>
      </p:sp>
      <p:sp>
        <p:nvSpPr>
          <p:cNvPr id="184" name="OTLSHAPE_SL2A_9ca1b9625c5a45b2bf2c2af32bc33c1d_Header">
            <a:extLst>
              <a:ext uri="{FF2B5EF4-FFF2-40B4-BE49-F238E27FC236}">
                <a16:creationId xmlns:a16="http://schemas.microsoft.com/office/drawing/2014/main" id="{0DB03265-7818-472C-9F1C-6502D2CCB08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61086" y="485612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Android</a:t>
            </a:r>
          </a:p>
        </p:txBody>
      </p:sp>
      <p:sp>
        <p:nvSpPr>
          <p:cNvPr id="203" name="OTLSHAPE_SL2A_91d3005f68ee478396b2262fae019fbe_Header">
            <a:extLst>
              <a:ext uri="{FF2B5EF4-FFF2-40B4-BE49-F238E27FC236}">
                <a16:creationId xmlns:a16="http://schemas.microsoft.com/office/drawing/2014/main" id="{84B1FA4F-FF28-4809-A492-F0596DC8D4D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61086" y="513552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iOS 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FB90E33-382C-4478-B90A-590C6AAD181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775852" y="25638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0C9504DC-E1B5-4F52-BF39-EBE2ED3F75C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854242" y="25638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9774B4D-58ED-4883-86E2-9012872DBD4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132638" y="25638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5b14614bc45649efaadca1f538dacaae_Title">
            <a:extLst>
              <a:ext uri="{FF2B5EF4-FFF2-40B4-BE49-F238E27FC236}">
                <a16:creationId xmlns:a16="http://schemas.microsoft.com/office/drawing/2014/main" id="{9FAE137B-D4C2-4E01-8EEC-F8F389361D2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926831" y="3509560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Dev V1 </a:t>
            </a:r>
          </a:p>
        </p:txBody>
      </p:sp>
      <p:sp>
        <p:nvSpPr>
          <p:cNvPr id="102" name="OTLSHAPE_SLT_0d439153d49c4e80a0c14b7a78388824_Title">
            <a:extLst>
              <a:ext uri="{FF2B5EF4-FFF2-40B4-BE49-F238E27FC236}">
                <a16:creationId xmlns:a16="http://schemas.microsoft.com/office/drawing/2014/main" id="{F021C7A7-2675-449D-A95A-CF7D949EBAB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744703" y="375217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6" dirty="0">
                <a:solidFill>
                  <a:schemeClr val="lt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212" name="OTLSHAPE_SLT_2fe3f2d90e69486caed6f298c4773299_Title">
            <a:extLst>
              <a:ext uri="{FF2B5EF4-FFF2-40B4-BE49-F238E27FC236}">
                <a16:creationId xmlns:a16="http://schemas.microsoft.com/office/drawing/2014/main" id="{057F6752-43B1-4F42-A6E0-25201665EBE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249291" y="5119184"/>
            <a:ext cx="15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1</a:t>
            </a:r>
          </a:p>
        </p:txBody>
      </p:sp>
      <p:sp>
        <p:nvSpPr>
          <p:cNvPr id="220" name="OTLSHAPE_SLT_9e60a6b06d464beb8726b9ed86e2fe7c_Title">
            <a:extLst>
              <a:ext uri="{FF2B5EF4-FFF2-40B4-BE49-F238E27FC236}">
                <a16:creationId xmlns:a16="http://schemas.microsoft.com/office/drawing/2014/main" id="{B59A8672-FD90-4516-9796-0E41A3429B5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817790" y="5119184"/>
            <a:ext cx="139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2</a:t>
            </a:r>
          </a:p>
        </p:txBody>
      </p:sp>
      <p:sp>
        <p:nvSpPr>
          <p:cNvPr id="239" name="OTLSHAPE_SLT_9e4cdc3d06c44978b1b2dcd06dbe3d35_Title">
            <a:extLst>
              <a:ext uri="{FF2B5EF4-FFF2-40B4-BE49-F238E27FC236}">
                <a16:creationId xmlns:a16="http://schemas.microsoft.com/office/drawing/2014/main" id="{0283B4AF-28F0-4466-94EB-CB52E60A275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719054" y="5780896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Lead generation</a:t>
            </a:r>
          </a:p>
        </p:txBody>
      </p:sp>
      <p:sp>
        <p:nvSpPr>
          <p:cNvPr id="256" name="OTLSHAPE_SLT_5edf2423b99b4ffcb4bf6ff2f423dd26_Title">
            <a:extLst>
              <a:ext uri="{FF2B5EF4-FFF2-40B4-BE49-F238E27FC236}">
                <a16:creationId xmlns:a16="http://schemas.microsoft.com/office/drawing/2014/main" id="{EA3D620A-4B0D-46AF-8BD3-C67E37B4DEC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349761" y="5780896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Channel outreach</a:t>
            </a:r>
          </a:p>
        </p:txBody>
      </p:sp>
      <p:sp>
        <p:nvSpPr>
          <p:cNvPr id="264" name="OTLSHAPE_SLT_096507731fa94a99a07d38e09d6086c8_Title">
            <a:extLst>
              <a:ext uri="{FF2B5EF4-FFF2-40B4-BE49-F238E27FC236}">
                <a16:creationId xmlns:a16="http://schemas.microsoft.com/office/drawing/2014/main" id="{65D27CA9-BA15-4BCC-B94B-7CA744F8244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771510" y="578089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278" name="OTLSHAPE_TB_00000000000000000000000000000000_MiddleTimescaleInterval1">
            <a:extLst>
              <a:ext uri="{FF2B5EF4-FFF2-40B4-BE49-F238E27FC236}">
                <a16:creationId xmlns:a16="http://schemas.microsoft.com/office/drawing/2014/main" id="{710F66F8-51D8-4BB8-95BF-D9FBDBC4153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775852" y="2755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79" name="OTLSHAPE_TB_00000000000000000000000000000000_MiddleTimescaleInterval2">
            <a:extLst>
              <a:ext uri="{FF2B5EF4-FFF2-40B4-BE49-F238E27FC236}">
                <a16:creationId xmlns:a16="http://schemas.microsoft.com/office/drawing/2014/main" id="{348F67D5-DC6F-4B21-9B89-5EFE7A8A0C0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854242" y="2755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0" name="OTLSHAPE_TB_00000000000000000000000000000000_MiddleTimescaleInterval3">
            <a:extLst>
              <a:ext uri="{FF2B5EF4-FFF2-40B4-BE49-F238E27FC236}">
                <a16:creationId xmlns:a16="http://schemas.microsoft.com/office/drawing/2014/main" id="{4B82AFAA-3143-4E54-ABD6-3604E3A5B4D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909189" y="2755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81" name="OTLSHAPE_TB_00000000000000000000000000000000_MiddleTimescaleInterval4">
            <a:extLst>
              <a:ext uri="{FF2B5EF4-FFF2-40B4-BE49-F238E27FC236}">
                <a16:creationId xmlns:a16="http://schemas.microsoft.com/office/drawing/2014/main" id="{52C99C81-3B61-4665-9B3C-79881DA180E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975858" y="2755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82" name="OTLSHAPE_TB_00000000000000000000000000000000_MiddleTimescaleInterval5">
            <a:extLst>
              <a:ext uri="{FF2B5EF4-FFF2-40B4-BE49-F238E27FC236}">
                <a16:creationId xmlns:a16="http://schemas.microsoft.com/office/drawing/2014/main" id="{08BBAE12-66DF-4C91-A01D-9B36F5725C3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54248" y="2755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83" name="OTLSHAPE_TB_00000000000000000000000000000000_MiddleTimescaleInterval6">
            <a:extLst>
              <a:ext uri="{FF2B5EF4-FFF2-40B4-BE49-F238E27FC236}">
                <a16:creationId xmlns:a16="http://schemas.microsoft.com/office/drawing/2014/main" id="{5E9CD943-0947-42EE-9FFA-8BBDC36FA5F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132638" y="2755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4" name="OTLSHAPE_TB_00000000000000000000000000000000_MiddleTimescaleInterval7">
            <a:extLst>
              <a:ext uri="{FF2B5EF4-FFF2-40B4-BE49-F238E27FC236}">
                <a16:creationId xmlns:a16="http://schemas.microsoft.com/office/drawing/2014/main" id="{2C4E2046-4622-4780-9A56-9A3F8A6E542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187586" y="2755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11" name="OTLSHAPE_SLT_6f9a01a157ce4881bb62baa76adb526e_Title">
            <a:extLst>
              <a:ext uri="{FF2B5EF4-FFF2-40B4-BE49-F238E27FC236}">
                <a16:creationId xmlns:a16="http://schemas.microsoft.com/office/drawing/2014/main" id="{595C8DC3-61A7-4F21-A1F8-8995D62557C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968562" y="6023509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Content publishing</a:t>
            </a:r>
          </a:p>
        </p:txBody>
      </p:sp>
      <p:sp>
        <p:nvSpPr>
          <p:cNvPr id="388" name="OTLSHAPE_SLT_069d592f47ff4204a0f1df33e0fbfb05_Title">
            <a:extLst>
              <a:ext uri="{FF2B5EF4-FFF2-40B4-BE49-F238E27FC236}">
                <a16:creationId xmlns:a16="http://schemas.microsoft.com/office/drawing/2014/main" id="{A9823647-98B1-402F-AA8E-1245963E12C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890320" y="5119184"/>
            <a:ext cx="139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3</a:t>
            </a:r>
          </a:p>
        </p:txBody>
      </p:sp>
      <p:sp>
        <p:nvSpPr>
          <p:cNvPr id="396" name="OTLSHAPE_SLT_fcca045b7c914492b7e33f98b1b78059_Title">
            <a:extLst>
              <a:ext uri="{FF2B5EF4-FFF2-40B4-BE49-F238E27FC236}">
                <a16:creationId xmlns:a16="http://schemas.microsoft.com/office/drawing/2014/main" id="{A45AF087-9DB8-4320-9B22-1A17F744E62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033179" y="5119184"/>
            <a:ext cx="139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4</a:t>
            </a:r>
          </a:p>
        </p:txBody>
      </p:sp>
      <p:sp>
        <p:nvSpPr>
          <p:cNvPr id="404" name="OTLSHAPE_SLT_f87647d5902f4da790f6c688204a6dfc_Title">
            <a:extLst>
              <a:ext uri="{FF2B5EF4-FFF2-40B4-BE49-F238E27FC236}">
                <a16:creationId xmlns:a16="http://schemas.microsoft.com/office/drawing/2014/main" id="{B5FC9F81-951A-4878-A901-DA259096C2A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701312" y="5119184"/>
            <a:ext cx="139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5</a:t>
            </a:r>
          </a:p>
        </p:txBody>
      </p:sp>
      <p:sp>
        <p:nvSpPr>
          <p:cNvPr id="125" name="OTLSHAPE_TB_00000000000000000000000000000000_MiddleTimescaleInterval8">
            <a:extLst>
              <a:ext uri="{FF2B5EF4-FFF2-40B4-BE49-F238E27FC236}">
                <a16:creationId xmlns:a16="http://schemas.microsoft.com/office/drawing/2014/main" id="{2E4B9E0A-481E-4F54-A7F3-38166F526D0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254255" y="2755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35" name="OTLSHAPE_TB_00000000000000000000000000000000_MiddleTimescaleInterval9">
            <a:extLst>
              <a:ext uri="{FF2B5EF4-FFF2-40B4-BE49-F238E27FC236}">
                <a16:creationId xmlns:a16="http://schemas.microsoft.com/office/drawing/2014/main" id="{A51E9C41-03A1-4BDB-9589-318686ABFD6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332645" y="2755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41" name="OTLSHAPE_SLT_c93c3cb3d8f845848f709f3e0dec2831_Title">
            <a:extLst>
              <a:ext uri="{FF2B5EF4-FFF2-40B4-BE49-F238E27FC236}">
                <a16:creationId xmlns:a16="http://schemas.microsoft.com/office/drawing/2014/main" id="{456E754A-B397-4E2F-8119-59A828F7D31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49291" y="4839784"/>
            <a:ext cx="15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1</a:t>
            </a:r>
          </a:p>
        </p:txBody>
      </p:sp>
      <p:sp>
        <p:nvSpPr>
          <p:cNvPr id="149" name="OTLSHAPE_SLT_9700898b83ea43e7b1643b6f9a689af2_Title">
            <a:extLst>
              <a:ext uri="{FF2B5EF4-FFF2-40B4-BE49-F238E27FC236}">
                <a16:creationId xmlns:a16="http://schemas.microsoft.com/office/drawing/2014/main" id="{1C854DBA-CCC1-4204-A933-8BCCE701FDC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817790" y="4839784"/>
            <a:ext cx="15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2</a:t>
            </a:r>
          </a:p>
        </p:txBody>
      </p:sp>
      <p:sp>
        <p:nvSpPr>
          <p:cNvPr id="157" name="OTLSHAPE_SLT_c49e78e3bcbd45338f0d8191b0ba9880_Title">
            <a:extLst>
              <a:ext uri="{FF2B5EF4-FFF2-40B4-BE49-F238E27FC236}">
                <a16:creationId xmlns:a16="http://schemas.microsoft.com/office/drawing/2014/main" id="{E0214A3E-12F2-4731-8CE4-48C260A2298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890320" y="4839784"/>
            <a:ext cx="15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3</a:t>
            </a:r>
          </a:p>
        </p:txBody>
      </p:sp>
      <p:sp>
        <p:nvSpPr>
          <p:cNvPr id="165" name="OTLSHAPE_SLT_3b62e098f91d40279a50b2bf181e9466_Title">
            <a:extLst>
              <a:ext uri="{FF2B5EF4-FFF2-40B4-BE49-F238E27FC236}">
                <a16:creationId xmlns:a16="http://schemas.microsoft.com/office/drawing/2014/main" id="{A7C16BF7-3875-4660-9C0B-1D105538263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033179" y="4839784"/>
            <a:ext cx="15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4</a:t>
            </a:r>
          </a:p>
        </p:txBody>
      </p:sp>
      <p:sp>
        <p:nvSpPr>
          <p:cNvPr id="173" name="OTLSHAPE_SLT_be0b875bd941482da5098b012a0eb8c6_Title">
            <a:extLst>
              <a:ext uri="{FF2B5EF4-FFF2-40B4-BE49-F238E27FC236}">
                <a16:creationId xmlns:a16="http://schemas.microsoft.com/office/drawing/2014/main" id="{8D3CBA77-7779-49AD-AE38-7E8D5576465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701312" y="4839784"/>
            <a:ext cx="139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P5</a:t>
            </a:r>
          </a:p>
        </p:txBody>
      </p:sp>
      <p:sp>
        <p:nvSpPr>
          <p:cNvPr id="34" name="OTLSHAPE_SLT_c64ec2d277074b3b983963e2e8fe0c15_Title">
            <a:extLst>
              <a:ext uri="{FF2B5EF4-FFF2-40B4-BE49-F238E27FC236}">
                <a16:creationId xmlns:a16="http://schemas.microsoft.com/office/drawing/2014/main" id="{18D0B019-A36A-4E32-8A79-A618F615FB8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404925" y="4302209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ev V2</a:t>
            </a:r>
          </a:p>
        </p:txBody>
      </p:sp>
      <p:sp>
        <p:nvSpPr>
          <p:cNvPr id="241" name="OTLSHAPE_SLT_7af02f71caf4443891853caeccc65f72_Title">
            <a:extLst>
              <a:ext uri="{FF2B5EF4-FFF2-40B4-BE49-F238E27FC236}">
                <a16:creationId xmlns:a16="http://schemas.microsoft.com/office/drawing/2014/main" id="{92409A2C-7BE5-49E9-B926-5C9B9FFD8E6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353959" y="375217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>
                <a:solidFill>
                  <a:schemeClr val="lt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265" name="OTLSHAPE_SLT_679846191ed748259303d5a3d4f8233e_Title">
            <a:extLst>
              <a:ext uri="{FF2B5EF4-FFF2-40B4-BE49-F238E27FC236}">
                <a16:creationId xmlns:a16="http://schemas.microsoft.com/office/drawing/2014/main" id="{D09ADDEA-2773-406D-80F5-E08427FB009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810832" y="375217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285" name="OTLSHAPE_SLT_abf51c82f03e482591b2aed21dab9397_Title">
            <a:extLst>
              <a:ext uri="{FF2B5EF4-FFF2-40B4-BE49-F238E27FC236}">
                <a16:creationId xmlns:a16="http://schemas.microsoft.com/office/drawing/2014/main" id="{9ED7555F-5A94-4585-A4FD-A6265AB16FC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896431" y="3752173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94" name="OTLSHAPE_SLT_5ed92e133e8b4b95826b251c5f1594d6_Title">
            <a:extLst>
              <a:ext uri="{FF2B5EF4-FFF2-40B4-BE49-F238E27FC236}">
                <a16:creationId xmlns:a16="http://schemas.microsoft.com/office/drawing/2014/main" id="{D3C33D28-EDE1-465B-8AF5-96792E912D9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115019" y="375217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Deploy</a:t>
            </a:r>
          </a:p>
        </p:txBody>
      </p:sp>
      <p:sp>
        <p:nvSpPr>
          <p:cNvPr id="362" name="OTLSHAPE_SLT_7e5977c3405d45f8b09bf58996e1a439_Title">
            <a:extLst>
              <a:ext uri="{FF2B5EF4-FFF2-40B4-BE49-F238E27FC236}">
                <a16:creationId xmlns:a16="http://schemas.microsoft.com/office/drawing/2014/main" id="{502A4F3D-990A-40A9-9B7F-4A4A0E9CE67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104611" y="454494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370" name="OTLSHAPE_SLT_73ceedc2c3364336a87899dbaf5e2554_Title">
            <a:extLst>
              <a:ext uri="{FF2B5EF4-FFF2-40B4-BE49-F238E27FC236}">
                <a16:creationId xmlns:a16="http://schemas.microsoft.com/office/drawing/2014/main" id="{54512A8B-7FC6-4A5C-A3F9-DECD91F1AD2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366035" y="454494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381" name="OTLSHAPE_SLT_30d2cc0bfd7b4bee81b67e81afcc8ea9_Title">
            <a:extLst>
              <a:ext uri="{FF2B5EF4-FFF2-40B4-BE49-F238E27FC236}">
                <a16:creationId xmlns:a16="http://schemas.microsoft.com/office/drawing/2014/main" id="{81C7E18E-0969-4AF0-A450-88948EF6D92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999387" y="454494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>
                <a:solidFill>
                  <a:schemeClr val="lt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438" name="OTLSHAPE_SLT_9d8547bbffe948d19bb342f0593c9c76_Title">
            <a:extLst>
              <a:ext uri="{FF2B5EF4-FFF2-40B4-BE49-F238E27FC236}">
                <a16:creationId xmlns:a16="http://schemas.microsoft.com/office/drawing/2014/main" id="{57C47010-87FE-47B3-AD7B-2855FD40CF5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836637" y="454494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Deploy</a:t>
            </a:r>
          </a:p>
        </p:txBody>
      </p:sp>
      <p:sp>
        <p:nvSpPr>
          <p:cNvPr id="446" name="OTLSHAPE_SLT_fb476a2ad7b749b1942ff25e771ae435_Title">
            <a:extLst>
              <a:ext uri="{FF2B5EF4-FFF2-40B4-BE49-F238E27FC236}">
                <a16:creationId xmlns:a16="http://schemas.microsoft.com/office/drawing/2014/main" id="{3E8C9E21-432A-4BA7-A347-D277F97B22B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956430" y="454494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6" dirty="0">
                <a:solidFill>
                  <a:schemeClr val="lt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cxnSp>
        <p:nvCxnSpPr>
          <p:cNvPr id="335" name="OTLSHAPE_TB_00000000000000000000000000000000_Separator1">
            <a:extLst>
              <a:ext uri="{FF2B5EF4-FFF2-40B4-BE49-F238E27FC236}">
                <a16:creationId xmlns:a16="http://schemas.microsoft.com/office/drawing/2014/main" id="{CB5AF543-651F-4B10-863B-0EFF67549F16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2790742" y="256540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" name="OTLSHAPE_TB_00000000000000000000000000000000_Separator2">
            <a:extLst>
              <a:ext uri="{FF2B5EF4-FFF2-40B4-BE49-F238E27FC236}">
                <a16:creationId xmlns:a16="http://schemas.microsoft.com/office/drawing/2014/main" id="{B7EBAF0A-A502-4549-99CE-B601D716361B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7069138" y="2565400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7" name="OTLSHAPE_TB_00000000000000000000000000000000_MiddleSeparator1">
            <a:extLst>
              <a:ext uri="{FF2B5EF4-FFF2-40B4-BE49-F238E27FC236}">
                <a16:creationId xmlns:a16="http://schemas.microsoft.com/office/drawing/2014/main" id="{7E105CE7-169F-4F2C-A50A-6483982D2A8D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2790742" y="27574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" name="OTLSHAPE_TB_00000000000000000000000000000000_MiddleSeparator2">
            <a:extLst>
              <a:ext uri="{FF2B5EF4-FFF2-40B4-BE49-F238E27FC236}">
                <a16:creationId xmlns:a16="http://schemas.microsoft.com/office/drawing/2014/main" id="{C79814F5-9921-4496-B1E0-2291FB2F7A39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3845689" y="27574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" name="OTLSHAPE_TB_00000000000000000000000000000000_MiddleSeparator3">
            <a:extLst>
              <a:ext uri="{FF2B5EF4-FFF2-40B4-BE49-F238E27FC236}">
                <a16:creationId xmlns:a16="http://schemas.microsoft.com/office/drawing/2014/main" id="{01C30034-2B07-455F-9E62-497674011582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4912358" y="27574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0" name="OTLSHAPE_TB_00000000000000000000000000000000_MiddleSeparator4">
            <a:extLst>
              <a:ext uri="{FF2B5EF4-FFF2-40B4-BE49-F238E27FC236}">
                <a16:creationId xmlns:a16="http://schemas.microsoft.com/office/drawing/2014/main" id="{A4C48575-13D3-48A7-B095-AFD66B4E258C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5990748" y="27574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" name="OTLSHAPE_TB_00000000000000000000000000000000_MiddleSeparator5">
            <a:extLst>
              <a:ext uri="{FF2B5EF4-FFF2-40B4-BE49-F238E27FC236}">
                <a16:creationId xmlns:a16="http://schemas.microsoft.com/office/drawing/2014/main" id="{B25C7753-FE52-4A31-A6E2-47933725A7F3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7069138" y="27574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" name="OTLSHAPE_TB_00000000000000000000000000000000_MiddleSeparator6">
            <a:extLst>
              <a:ext uri="{FF2B5EF4-FFF2-40B4-BE49-F238E27FC236}">
                <a16:creationId xmlns:a16="http://schemas.microsoft.com/office/drawing/2014/main" id="{497C3C76-7836-43D4-A4B5-4CBB89C04B26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8124086" y="27574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MiddleSeparator7">
            <a:extLst>
              <a:ext uri="{FF2B5EF4-FFF2-40B4-BE49-F238E27FC236}">
                <a16:creationId xmlns:a16="http://schemas.microsoft.com/office/drawing/2014/main" id="{8860A4D7-DEFB-4F41-91E3-DE9EC4320C93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9190754" y="27574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B_00000000000000000000000000000000_MiddleSeparator8">
            <a:extLst>
              <a:ext uri="{FF2B5EF4-FFF2-40B4-BE49-F238E27FC236}">
                <a16:creationId xmlns:a16="http://schemas.microsoft.com/office/drawing/2014/main" id="{F4891F3D-1D92-422C-9136-D763AF06528C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10269145" y="2757424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T_126c7706a1214aa897eaf51f8dfe330a_Shape">
            <a:extLst>
              <a:ext uri="{FF2B5EF4-FFF2-40B4-BE49-F238E27FC236}">
                <a16:creationId xmlns:a16="http://schemas.microsoft.com/office/drawing/2014/main" id="{A3264D49-2910-4744-A18E-4211B3C0E9A3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1888177" y="699389"/>
            <a:ext cx="20066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T_cad8d00c5bfe4949aaf84c6d3d685e5a_Shape">
            <a:extLst>
              <a:ext uri="{FF2B5EF4-FFF2-40B4-BE49-F238E27FC236}">
                <a16:creationId xmlns:a16="http://schemas.microsoft.com/office/drawing/2014/main" id="{808C24B0-B188-4B4C-8C81-37E8D9394A9F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3986349" y="1184614"/>
            <a:ext cx="18923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55DA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50266eb274c44a1f98d5f254d0340496_Shape">
            <a:extLst>
              <a:ext uri="{FF2B5EF4-FFF2-40B4-BE49-F238E27FC236}">
                <a16:creationId xmlns:a16="http://schemas.microsoft.com/office/drawing/2014/main" id="{6052E2E2-FDA4-400A-A452-1BCDA37E5D9A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7080860" y="1669838"/>
            <a:ext cx="2857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T_126c7706a1214aa897eaf51f8dfe330a_ShapePercentage">
            <a:extLst>
              <a:ext uri="{FF2B5EF4-FFF2-40B4-BE49-F238E27FC236}">
                <a16:creationId xmlns:a16="http://schemas.microsoft.com/office/drawing/2014/main" id="{CE7021B8-D798-4646-AF2F-085825018082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1888177" y="699389"/>
            <a:ext cx="1206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T_cad8d00c5bfe4949aaf84c6d3d685e5a_ShapePercentage">
            <a:extLst>
              <a:ext uri="{FF2B5EF4-FFF2-40B4-BE49-F238E27FC236}">
                <a16:creationId xmlns:a16="http://schemas.microsoft.com/office/drawing/2014/main" id="{76EFDA8B-4114-4F43-B32D-9C46C55235ED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3986349" y="1184614"/>
            <a:ext cx="3810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_50266eb274c44a1f98d5f254d0340496_ShapePercentage">
            <a:extLst>
              <a:ext uri="{FF2B5EF4-FFF2-40B4-BE49-F238E27FC236}">
                <a16:creationId xmlns:a16="http://schemas.microsoft.com/office/drawing/2014/main" id="{7AC30BB0-BF03-40D3-922C-A271B8A1EB5A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7080860" y="1669838"/>
            <a:ext cx="2159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9" name="OTLSHAPE_T_126c7706a1214aa897eaf51f8dfe330a_Title">
            <a:extLst>
              <a:ext uri="{FF2B5EF4-FFF2-40B4-BE49-F238E27FC236}">
                <a16:creationId xmlns:a16="http://schemas.microsoft.com/office/drawing/2014/main" id="{A883946D-135E-4532-878A-330008709B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0" y="691642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Update 1</a:t>
            </a:r>
          </a:p>
        </p:txBody>
      </p:sp>
      <p:sp>
        <p:nvSpPr>
          <p:cNvPr id="420" name="OTLSHAPE_T_cad8d00c5bfe4949aaf84c6d3d685e5a_TextPercentage">
            <a:extLst>
              <a:ext uri="{FF2B5EF4-FFF2-40B4-BE49-F238E27FC236}">
                <a16:creationId xmlns:a16="http://schemas.microsoft.com/office/drawing/2014/main" id="{2B67074B-0C74-486B-8D6C-9963415C2D0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118801" y="118461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22" name="OTLSHAPE_T_cad8d00c5bfe4949aaf84c6d3d685e5a_Title">
            <a:extLst>
              <a:ext uri="{FF2B5EF4-FFF2-40B4-BE49-F238E27FC236}">
                <a16:creationId xmlns:a16="http://schemas.microsoft.com/office/drawing/2014/main" id="{13FBD532-45EB-4D2E-BF81-F79495403B8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0" y="1176867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Update 2</a:t>
            </a:r>
          </a:p>
        </p:txBody>
      </p:sp>
      <p:sp>
        <p:nvSpPr>
          <p:cNvPr id="424" name="OTLSHAPE_T_50266eb274c44a1f98d5f254d0340496_Title">
            <a:extLst>
              <a:ext uri="{FF2B5EF4-FFF2-40B4-BE49-F238E27FC236}">
                <a16:creationId xmlns:a16="http://schemas.microsoft.com/office/drawing/2014/main" id="{9E170E85-551D-4D36-BB75-3F811A0625B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0" y="166209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Update 3</a:t>
            </a:r>
          </a:p>
        </p:txBody>
      </p:sp>
      <p:sp>
        <p:nvSpPr>
          <p:cNvPr id="21" name="OTLSHAPE_T_126c7706a1214aa897eaf51f8dfe330a_TextPercentage">
            <a:extLst>
              <a:ext uri="{FF2B5EF4-FFF2-40B4-BE49-F238E27FC236}">
                <a16:creationId xmlns:a16="http://schemas.microsoft.com/office/drawing/2014/main" id="{B18B1045-8E98-4FB6-9A47-D8EBE2558C5B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845828" y="69938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6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50266eb274c44a1f98d5f254d0340496_TextPercentage">
            <a:extLst>
              <a:ext uri="{FF2B5EF4-FFF2-40B4-BE49-F238E27FC236}">
                <a16:creationId xmlns:a16="http://schemas.microsoft.com/office/drawing/2014/main" id="{01991DC8-0DB1-4E52-A6DB-4237CABDC36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106260" y="166983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A_1358685c2c0d42949fd4e182a57c8fe5_Shape">
            <a:extLst>
              <a:ext uri="{FF2B5EF4-FFF2-40B4-BE49-F238E27FC236}">
                <a16:creationId xmlns:a16="http://schemas.microsoft.com/office/drawing/2014/main" id="{BCF0F068-59AE-4E03-AB67-32A776444E34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3965814" y="5731409"/>
            <a:ext cx="228600" cy="254000"/>
          </a:xfrm>
          <a:prstGeom prst="teardrop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A_9803d224b5f9447b9f1b33a716201aa3_Shape">
            <a:extLst>
              <a:ext uri="{FF2B5EF4-FFF2-40B4-BE49-F238E27FC236}">
                <a16:creationId xmlns:a16="http://schemas.microsoft.com/office/drawing/2014/main" id="{25F4AF5C-D57A-4BA2-AE5F-F6A5DA70D918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10635424" y="5731409"/>
            <a:ext cx="228600" cy="254000"/>
          </a:xfrm>
          <a:prstGeom prst="teardrop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" name="OTLSHAPE_SLA_96e732099d5a4bbf9a3284ccab345f33_Shape">
            <a:extLst>
              <a:ext uri="{FF2B5EF4-FFF2-40B4-BE49-F238E27FC236}">
                <a16:creationId xmlns:a16="http://schemas.microsoft.com/office/drawing/2014/main" id="{F3C771E3-6907-45D0-93EC-CFA34B18D0BD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6087430" y="3460073"/>
            <a:ext cx="228600" cy="254000"/>
          </a:xfrm>
          <a:prstGeom prst="teardrop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" name="OTLSHAPE_SLA_bf4314b038a04cb09818bd08ec01f0f3_Shape">
            <a:extLst>
              <a:ext uri="{FF2B5EF4-FFF2-40B4-BE49-F238E27FC236}">
                <a16:creationId xmlns:a16="http://schemas.microsoft.com/office/drawing/2014/main" id="{014AF202-D61D-4755-BCE7-D3911A2F77BE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9814909" y="4252722"/>
            <a:ext cx="228600" cy="254000"/>
          </a:xfrm>
          <a:prstGeom prst="teardrop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M_1905a823b90b4a188d2d2cedc8537846_Shape">
            <a:extLst>
              <a:ext uri="{FF2B5EF4-FFF2-40B4-BE49-F238E27FC236}">
                <a16:creationId xmlns:a16="http://schemas.microsoft.com/office/drawing/2014/main" id="{E8747BFC-F97C-4B08-912C-EF6BFDE2A67A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rot="16200000">
            <a:off x="10300887" y="2137325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M_927193bd48194d9c891eec02d1c11ad1_Shape">
            <a:extLst>
              <a:ext uri="{FF2B5EF4-FFF2-40B4-BE49-F238E27FC236}">
                <a16:creationId xmlns:a16="http://schemas.microsoft.com/office/drawing/2014/main" id="{D804955A-A691-4B73-8AA8-7AF861DF71B5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3605378" y="688001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220afa650b3d4c0b960b5353dabc4eb1_Shape">
            <a:extLst>
              <a:ext uri="{FF2B5EF4-FFF2-40B4-BE49-F238E27FC236}">
                <a16:creationId xmlns:a16="http://schemas.microsoft.com/office/drawing/2014/main" id="{6AAB3399-1824-4DF2-8E90-C59047933E29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5598056" y="1173226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e82b999429354672a6f848a642dee37b_Shape">
            <a:extLst>
              <a:ext uri="{FF2B5EF4-FFF2-40B4-BE49-F238E27FC236}">
                <a16:creationId xmlns:a16="http://schemas.microsoft.com/office/drawing/2014/main" id="{F7ED0B1F-7427-4B32-A0E9-8DCB8C58B40A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9642020" y="1658451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M_07797e4c2851470083c087978d12dc43_Shape">
            <a:extLst>
              <a:ext uri="{FF2B5EF4-FFF2-40B4-BE49-F238E27FC236}">
                <a16:creationId xmlns:a16="http://schemas.microsoft.com/office/drawing/2014/main" id="{94D1D528-4F23-4C30-8732-530F29D90B20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 flipV="1">
            <a:off x="6957765" y="2451100"/>
            <a:ext cx="152400" cy="1778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M_e1f0df9ae6d74c77a0d0ca62f6a8ffaf_Shape">
            <a:extLst>
              <a:ext uri="{FF2B5EF4-FFF2-40B4-BE49-F238E27FC236}">
                <a16:creationId xmlns:a16="http://schemas.microsoft.com/office/drawing/2014/main" id="{CC78AD12-3512-4454-A629-6269BDB3FB51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 flipV="1">
            <a:off x="11236161" y="2451100"/>
            <a:ext cx="152400" cy="1778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M_92ad40e7dda74cef8b8d6614bec1032c_Shape">
            <a:extLst>
              <a:ext uri="{FF2B5EF4-FFF2-40B4-BE49-F238E27FC236}">
                <a16:creationId xmlns:a16="http://schemas.microsoft.com/office/drawing/2014/main" id="{E30075FF-E116-430D-813F-DF36F8217EDD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 flipV="1">
            <a:off x="2679369" y="2451100"/>
            <a:ext cx="152400" cy="1778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M_927193bd48194d9c891eec02d1c11ad1_Title">
            <a:extLst>
              <a:ext uri="{FF2B5EF4-FFF2-40B4-BE49-F238E27FC236}">
                <a16:creationId xmlns:a16="http://schemas.microsoft.com/office/drawing/2014/main" id="{A6C2E284-E923-4408-B5A4-A5733D8633E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436892" y="507577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U1 Check</a:t>
            </a:r>
          </a:p>
        </p:txBody>
      </p:sp>
      <p:sp>
        <p:nvSpPr>
          <p:cNvPr id="25" name="OTLSHAPE_M_220afa650b3d4c0b960b5353dabc4eb1_Title">
            <a:extLst>
              <a:ext uri="{FF2B5EF4-FFF2-40B4-BE49-F238E27FC236}">
                <a16:creationId xmlns:a16="http://schemas.microsoft.com/office/drawing/2014/main" id="{9A22E91F-3A00-469F-BB19-295ADB2E647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429569" y="992801"/>
            <a:ext cx="512982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U2 Check</a:t>
            </a:r>
          </a:p>
        </p:txBody>
      </p:sp>
      <p:sp>
        <p:nvSpPr>
          <p:cNvPr id="28" name="OTLSHAPE_M_e82b999429354672a6f848a642dee37b_Title">
            <a:extLst>
              <a:ext uri="{FF2B5EF4-FFF2-40B4-BE49-F238E27FC236}">
                <a16:creationId xmlns:a16="http://schemas.microsoft.com/office/drawing/2014/main" id="{E64A7C18-B64C-41DD-BF5F-7B5541C6D10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9473533" y="147802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U3 Check</a:t>
            </a:r>
          </a:p>
        </p:txBody>
      </p:sp>
      <p:sp>
        <p:nvSpPr>
          <p:cNvPr id="31" name="OTLSHAPE_M_e1f0df9ae6d74c77a0d0ca62f6a8ffaf_Title">
            <a:extLst>
              <a:ext uri="{FF2B5EF4-FFF2-40B4-BE49-F238E27FC236}">
                <a16:creationId xmlns:a16="http://schemas.microsoft.com/office/drawing/2014/main" id="{EB5526E6-1FBA-4C7D-8744-FA049408C72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1001466" y="2115651"/>
            <a:ext cx="622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OY3 Assessment</a:t>
            </a:r>
          </a:p>
        </p:txBody>
      </p:sp>
      <p:sp>
        <p:nvSpPr>
          <p:cNvPr id="316" name="OTLSHAPE_M_07797e4c2851470083c087978d12dc43_Title">
            <a:extLst>
              <a:ext uri="{FF2B5EF4-FFF2-40B4-BE49-F238E27FC236}">
                <a16:creationId xmlns:a16="http://schemas.microsoft.com/office/drawing/2014/main" id="{848925FD-D10C-4A22-A090-63CFAD2E7F6B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723069" y="2115651"/>
            <a:ext cx="622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OY2 Assessment</a:t>
            </a:r>
          </a:p>
        </p:txBody>
      </p:sp>
      <p:sp>
        <p:nvSpPr>
          <p:cNvPr id="319" name="OTLSHAPE_M_92ad40e7dda74cef8b8d6614bec1032c_Title">
            <a:extLst>
              <a:ext uri="{FF2B5EF4-FFF2-40B4-BE49-F238E27FC236}">
                <a16:creationId xmlns:a16="http://schemas.microsoft.com/office/drawing/2014/main" id="{6410CE95-5FFC-4562-BC3C-426278121A31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444673" y="2115651"/>
            <a:ext cx="622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OY1 Assessment</a:t>
            </a:r>
          </a:p>
        </p:txBody>
      </p:sp>
      <p:sp>
        <p:nvSpPr>
          <p:cNvPr id="35" name="OTLSHAPE_SLA_1358685c2c0d42949fd4e182a57c8fe5_Title">
            <a:extLst>
              <a:ext uri="{FF2B5EF4-FFF2-40B4-BE49-F238E27FC236}">
                <a16:creationId xmlns:a16="http://schemas.microsoft.com/office/drawing/2014/main" id="{7E4FEBE6-5663-4F97-A1B1-1D6A21A94C0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3737552" y="555098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eckpoint 1</a:t>
            </a:r>
          </a:p>
        </p:txBody>
      </p:sp>
      <p:sp>
        <p:nvSpPr>
          <p:cNvPr id="39" name="OTLSHAPE_SLA_9803d224b5f9447b9f1b33a716201aa3_Title">
            <a:extLst>
              <a:ext uri="{FF2B5EF4-FFF2-40B4-BE49-F238E27FC236}">
                <a16:creationId xmlns:a16="http://schemas.microsoft.com/office/drawing/2014/main" id="{FAF641CE-E0DB-4A8C-A9FB-1F40082E69D3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407162" y="555098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eckpoint 2</a:t>
            </a:r>
          </a:p>
        </p:txBody>
      </p:sp>
      <p:sp>
        <p:nvSpPr>
          <p:cNvPr id="486" name="OTLSHAPE_SLA_96e732099d5a4bbf9a3284ccab345f33_Title">
            <a:extLst>
              <a:ext uri="{FF2B5EF4-FFF2-40B4-BE49-F238E27FC236}">
                <a16:creationId xmlns:a16="http://schemas.microsoft.com/office/drawing/2014/main" id="{7AFDCB46-E44B-41B3-B9C9-702191571B50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821619" y="327964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Checkpoint V1</a:t>
            </a:r>
          </a:p>
        </p:txBody>
      </p:sp>
      <p:sp>
        <p:nvSpPr>
          <p:cNvPr id="489" name="OTLSHAPE_SLA_bf4314b038a04cb09818bd08ec01f0f3_Title">
            <a:extLst>
              <a:ext uri="{FF2B5EF4-FFF2-40B4-BE49-F238E27FC236}">
                <a16:creationId xmlns:a16="http://schemas.microsoft.com/office/drawing/2014/main" id="{DEE4B4DA-F963-482A-ACF9-C1D9930418D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9549098" y="4072297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Checkpoint V2</a:t>
            </a:r>
          </a:p>
        </p:txBody>
      </p:sp>
      <p:sp>
        <p:nvSpPr>
          <p:cNvPr id="498" name="OTLSHAPE_M_1905a823b90b4a188d2d2cedc8537846_Title">
            <a:extLst>
              <a:ext uri="{FF2B5EF4-FFF2-40B4-BE49-F238E27FC236}">
                <a16:creationId xmlns:a16="http://schemas.microsoft.com/office/drawing/2014/main" id="{32EA6987-B0CB-49D4-A924-E8A5C97A362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0497737" y="2039451"/>
            <a:ext cx="406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23D80247-DBDD-CEF5-6005-F0DE66E75927}"/>
              </a:ext>
            </a:extLst>
          </p:cNvPr>
          <p:cNvSpPr txBox="1"/>
          <p:nvPr/>
        </p:nvSpPr>
        <p:spPr>
          <a:xfrm>
            <a:off x="6971862" y="292231"/>
            <a:ext cx="437567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3600" dirty="0"/>
              <a:t>Product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359388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MCwiSWQiOiIyMmIzZDRmMS1lMmRlLTQzZmQtYmYxZC0zNzM5YzU4ODcyYmMiLCJIZWFkZXJUZXh0IjpudWxsLCJJc0RlZmF1bHQiOnRydWUsIlN0eWxlIjp7IiRpZCI6IjQiLCJIZWFkZXJTdHlsZSI6eyIkaWQiOiI1IiwiVGV4dFN0eWxlIjp7IiRpZCI6IjYiLCJGb250U2V0dGluZ3MiOnsiJGlkIjoiNyIsIkZvbnRTaXplIjoxMSwiRm9udE5hbWUiOiJDYWxpYnJpIiwiSXNCb2xkIjpmYWxzZSwiSXNJdGFsaWMiOmZhbHNlLCJJc1VuZGVybGluZWQiOmZhbHNlLCJQYXJlbnRTdHlsZSI6bnVsbH0sIkF1dG9TaXplIjoyLCJGb3JlZ3JvdW5kIjp7IiRpZCI6IjgiLCJDb2xvciI6eyIkaWQiOiI5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zMiwiRyI6MTIxLCJCIjoxNTB9fSwiSXNWaXNpYmxlIjp0cnV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MiLCJUb3AiOjAuMCwiTGVmdCI6MC4wLCJSaWdodCI6MC4wLCJCb3R0b20iOjAuMH0sIlBhZGRpbmciOnsiJGlkIjoiNjQiLCJUb3AiOjAuMCwiTGVmdCI6MC4wLCJSaWdodCI6MC4wLCJCb3R0b20iOjAuMH0sIkJhY2tncm91bmQiOnsiJGlkIjoiNjUiLCJDb2xvciI6eyIkaWQiOiI2NiIsIkEiOjAsIlIiOjI1NSwiRyI6MjU1LCJCIjoyNTV9fSwiSXNWaXNpYmxlIjpmYWxzZSwiV2lkdGgiOjAuMCwiSGVpZ2h0IjowLjAsIkJvcmRlclN0eWxlIjp7IiRpZCI6IjY3IiwiTGluZUNvbG9yIjpudWxsLCJMaW5lV2VpZ2h0IjowLjAsIkxpbmVUeXBlIjowLCJQYXJlbnRTdHlsZSI6bnVsbH0sIlBhcmVudFN0eWxlIjpudWxsfSwiRGF0ZUZvcm1hdCI6eyIkaWQiOiI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aWQiOiI4MSIsIkEiOjg5LCJSIjowLCJHIjowLCJCIjowfX0sIklzVmlzaWJsZSI6dHJ1ZSwiV2lkdGgiOjAuMCwiSGVpZ2h0IjowLjAsIkJvcmRlclN0eWxlIjp7IiRpZCI6IjgyIiwiTGluZUNvbG9yIjpudWxsLCJMaW5lV2VpZ2h0IjowLjAsIkxpbmVUeXBlIjowLCJQYXJlbnRTdHlsZSI6bnVsbH0sIlBhcmVudFN0eWxlIjpudWxsfSwiRHVyYXRpb25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aWQiOiIxMTIiLCJBIjowLCJSIjoyNTUsIkciOjI1NSwiQiI6MjU1fX0sIklzVmlzaWJsZSI6dHJ1ZSwiV2lkdGgiOjAuMCwiSGVpZ2h0IjowLjAsIkJvcmRlclN0eWxlIjp7IiRpZCI6IjExMyIsIkxpbmVDb2xvciI6bnVsbCwiTGluZVdlaWdodCI6MC4wLCJMaW5lVHlwZSI6MCwiUGFyZW50U3R5bGUiOm51bGx9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yMTkiLCJUb3AiOjAuMCwiTGVmdCI6MC4wLCJSaWdodCI6MC4wLCJCb3R0b20iOjAuMH0sIlBhZGRpbmciOnsiJGlkIjoiMjIwIiwiVG9wIjowLjAsIkxlZnQiOjAuMCwiUmlnaHQiOjAuMCwiQm90dG9tIjowLjB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udWxsfSwiRGF0ZVN0eWxlIjp7IiRpZCI6IjIyNCIsIkZvbnRTZXR0aW5ncyI6eyIkaWQiOiIyMjUiLCJGb250U2l6ZSI6MTAsIkZvbnROYW1lIjoiQ2FsaWJyaSIsIklzQm9sZCI6ZmFsc2UsIklzSXRhbGljIjpmYWxzZSwiSXNVbmRlcmxpbmVkIjpmYWxzZSwiUGFyZW50U3R5bGUiOm51bGx9LCJBdXRvU2l6ZSI6MCwiRm9yZWdyb3VuZCI6eyIkcmVmIjoiMTE2In0sIk1heFdpZHRoIjoyMDAuMCwiTWF4SGVpZ2h0IjoiSW5maW5pdHki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nsiJGlkIjoiMjI4IiwiQ29sb3IiOnsiJHJlZiI6IjE5OSJ9fSwiSXNWaXNpYmxlIjp0cnVlLCJXaWR0aCI6MC4wLCJIZWlnaHQiOjAuMCwiQm9yZGVyU3R5bGUiOnsiJGlkIjoiMjI5IiwiTGluZUNvbG9yIjpudWxsLCJMaW5lV2VpZ2h0IjowLjAsIkxpbmVUeXBlIjowLCJQYXJlbnRTdHlsZSI6bnVsbH0sIlBhcmVudFN0eWxlIjpudWxsfSwiRGF0ZUZvcm1hdCI6eyIkaWQiOiIy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m51bGx9LCJBdXRvU2l6ZSI6MCwiRm9yZWdyb3VuZCI6eyIkaWQiOiIyMzkiLCJDb2xvciI6eyIkaWQiOiIyND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4NyJ9LCJQYWRkaW5nIjp7IiRyZWYiOiIxODgifSwiQmFja2dyb3VuZCI6eyIkaWQiOiIyNDEiLCJDb2xvciI6eyIkcmVmIjoiMTkwIn19LCJJc1Zpc2libGUiOnRydWUsIldpZHRoIjowLjAsIkhlaWdodCI6MC4wLCJCb3JkZXJTdHlsZSI6eyIkaWQiOiIyNDIiLCJMaW5lQ29sb3IiOm51bGwsIkxpbmVXZWlnaHQiOjAuMCwiTGluZVR5cGUiOjAsIlBhcmVudFN0eWxlIjpudWxsfSwiUGFyZW50U3R5bGUiOm51bGx9LCJEdXJhdGlvblN0eWxlIjp7IiRpZCI6IjI0MyIsIkZvbnRTZXR0aW5ncyI6eyIkaWQiOiIyNDQ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yNDUiLCJMaW5lQ29sb3IiOm51bGwsIkxpbmVXZWlnaHQiOjAuMCwiTGluZVR5cGUiOjAsIlBhcmVudFN0eWxlIjpudWxsfSwiUGFyZW50U3R5bGUiOm51bGx9LCJIb3Jpem9udGFsQ29ubmVjdG9yU3R5bGUiOnsiJGlkIjoiMjQ2IiwiTGluZUNvbG9yIjp7IiRyZWYiOiIyMDIifSwiTGluZVdlaWdodCI6MS4wLCJMaW5lVHlwZSI6MCwiUGFyZW50U3R5bGUiOm51bGx9LCJWZXJ0aWNhbENvbm5lY3RvclN0eWxlIjp7IiRpZCI6IjI0Ny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yZWYiOiIyMjgi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MjczIiwiQ29sb3IiOnsiJHJlZiI6IjE5MCJ9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Mjc3IiwiTGluZUNvbG9yIjpudWxsLCJMaW5lV2VpZ2h0IjowLjAsIkxpbmVUeXBlIjowLCJQYXJlbnRTdHlsZSI6bnVsbH0sIlBhcmVudFN0eWxlIjpudWxsfSwiSG9yaXpvbnRhbENvbm5lY3RvclN0eWxlIjp7IiRpZCI6IjI3OCIsIkxpbmVDb2xvciI6eyIkcmVmIjoiMjAyIn0sIkxpbmVXZWlnaHQiOjEuMCwiTGluZVR5cGUiOjAsIlBhcmVudFN0eWxlIjpudWxsfSwiVmVydGljYWxDb25uZWN0b3JTdHlsZSI6eyIkaWQiOiIyNzk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yZWYiOiIyMTkifSwiUGFkZGluZyI6eyIkcmVmIjoiMjIw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yZWYiOiIxMTY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I5MyIsIkxpbmVDb2xvciI6bnVsbCwiTGluZVdlaWdodCI6MC4wLCJMaW5lVHlwZSI6MCwiUGFyZW50U3R5bGUiOm51bGx9LCJQYXJlbnRTdHlsZSI6bnVsbH0sIkRhdGVGb3JtYXQiOnsiJGlkIjoiM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g3In0sIlBhZGRpbmciOnsiJHJlZiI6IjE4OCJ9LCJCYWNrZ3JvdW5kIjp7IiRpZCI6IjMwNSIsIkNvbG9yIjp7IiRyZWYiOiIxOTAifX0sIklzVmlzaWJsZSI6dHJ1ZSwiV2lkdGgiOjAuMCwiSGVpZ2h0IjowLjAsIkJvcmRlclN0eWxlIjp7IiRpZCI6IjMwNiIsIkxpbmVDb2xvciI6bnVsbCwiTGluZVdlaWdodCI6MC4wLCJMaW5lVHlwZSI6MCwiUGFyZW50U3R5bGUiOm51bGx9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MwOSIsIkxpbmVDb2xvciI6bnVsbCwiTGluZVdlaWdodCI6MC4wLCJMaW5lVHlwZSI6MCwiUGFyZW50U3R5bGUiOm51bGx9LCJQYXJlbnRTdHlsZSI6bnVsbH0sIkhvcml6b250YWxDb25uZWN0b3JTdHlsZSI6eyIkaWQiOiIzMTAiLCJMaW5lQ29sb3IiOnsiJHJlZiI6IjIwMiJ9LCJMaW5lV2VpZ2h0IjoxLjAsIkxpbmVUeXBlIjowLCJQYXJlbnRTdHlsZSI6bnVsbH0sIlZlcnRpY2FsQ29ubmVjdG9yU3R5bGUiOnsiJGlkIjoiMzEx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HJlZiI6IjIyOCJ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zcxIiwiQ29sb3IiOnsiJGlkIjoiMzcyIiwiQSI6MCwiUiI6MjU1LCJHIjoyNTUsIkIiOjI1NX1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MzkwIiwiQ29sb3IiOnsiJGlkIjoiMzkxIiwiQSI6ODksIlIiOjAsIkciOjAsIkIiOjB9fSwiSXNWaXNpYmxlIjp0cnVlLCJXaWR0aCI6MC4wLCJIZWlnaHQiOjAuMCwiQm9yZGVyU3R5bGUiOnsiJGlkIjoiMzkyIiwiTGluZUNvbG9yIjpudWxsLCJMaW5lV2VpZ2h0IjowLjAsIkxpbmVUeXBlIjowLCJQYXJlbnRTdHlsZSI6bnVsbH0sIlBhcmVudFN0eWxlIjpudWxsfSwiRHVyYXRpb25TdHlsZSI6eyIkaWQiOiIzOTMiLCJGb250U2V0dGluZ3MiOnsiJGlkIjoiMzk0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Mzk1IiwiTGluZUNvbG9yIjpudWxsLCJMaW5lV2VpZ2h0IjowLjAsIkxpbmVUeXBlIjowLCJQYXJlbnRTdHlsZSI6bnVsbH0sIlBhcmVudFN0eWxlIjpudWxsfSwiSG9yaXpvbnRhbENvbm5lY3RvclN0eWxlIjp7IiRpZCI6IjM5NiIsIkxpbmVDb2xvciI6eyIkcmVmIjoiMjAyIn0sIkxpbmVXZWlnaHQiOjEuMCwiTGluZVR5cGUiOjAsIlBhcmVudFN0eWxlIjpudWxsfSwiVmVydGljYWxDb25uZWN0b3JTdHlsZSI6eyIkaWQiOiIzOTc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DEzIiwiQ29sb3IiOnsiJGlkIjoiNDE0IiwiQSI6MCwiUiI6MjU1LCJHIjoyNTUsIkIiOjI1NX19LCJJc1Zpc2libGUiOnRydWUsIldpZHRoIjowLjAsIkhlaWdodCI6MC4wLCJCb3JkZXJTdHlsZSI6eyIkaWQiOiI0MTUiLCJMaW5lQ29sb3IiOm51bGwsIkxpbmVXZWlnaHQiOjAuMCwiTGluZVR5cGUiOjAsIlBhcmVudFN0eWxlIjpudWxsfSwiUGFyZW50U3R5bGUiOm51bGx9LCJEYXRlRm9ybWF0Ijp7IiRpZCI6IjQ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NDI4IiwiQ29sb3IiOnsiJGlkIjoiNDI5IiwiQSI6ODksIlIiOjAsIkciOjAsIkIiOjB9fSwiSXNWaXNpYmxlIjp0cnVlLCJXaWR0aCI6MC4wLCJIZWlnaHQiOjAuMCwiQm9yZGVyU3R5bGUiOnsiJGlkIjoiNDMwIiwiTGluZUNvbG9yIjpudWxsLCJMaW5lV2VpZ2h0IjowLjAsIkxpbmVUeXBlIjowLCJQYXJlbnRTdHlsZSI6bnVsbH0sIlBhcmVudFN0eWxlIjpudWxsfSwiRHVyYXRpb25TdHlsZSI6eyIkaWQiOiI0MzEiLCJGb250U2V0dGluZ3MiOnsiJGlkIjoiNDMy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DMzIiwiTGluZUNvbG9yIjpudWxsLCJMaW5lV2VpZ2h0IjowLjAsIkxpbmVUeXBlIjowLCJQYXJlbnRTdHlsZSI6bnVsbH0sIlBhcmVudFN0eWxlIjpudWxsfSwiSG9yaXpvbnRhbENvbm5lY3RvclN0eWxlIjp7IiRpZCI6IjQzNCIsIkxpbmVDb2xvciI6eyIkcmVmIjoiMjAyIn0sIkxpbmVXZWlnaHQiOjEuMCwiTGluZVR5cGUiOjAsIlBhcmVudFN0eWxlIjpudWxsfSwiVmVydGljYWxDb25uZWN0b3JTdHlsZSI6eyIkaWQiOiI0MzU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pZCI6IjQ1MyIsIkNvbG9yIjp7IiRpZCI6IjQ1NCIsIkEiOjAsIlIiOjI1NSwiRyI6MjU1LCJCIjoyNTV9fSwiSXNWaXNpYmxlIjp0cnVlLCJXaWR0aCI6MC4wLCJIZWlnaHQiOjAuMCwiQm9yZGVyU3R5bGUiOnsiJGlkIjoiNDU1IiwiTGluZUNvbG9yIjpudWxsLCJMaW5lV2VpZ2h0IjowLjAsIkxpbmVUeXBlIjowLCJQYXJlbnRTdHlsZSI6bnVsbH0sIlBhcmVudFN0eWxlIjpudWxsfSwiRGF0ZUZvcm1hdCI6eyIkaWQiOiI0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g3In0sIlBhZGRpbmciOnsiJHJlZiI6IjE4OCJ9LCJCYWNrZ3JvdW5kIjp7IiRpZCI6IjQ2NyIsIkNvbG9yIjp7IiRyZWYiOiI0MjkifX0sIklzVmlzaWJsZSI6dHJ1ZSwiV2lkdGgiOjAuMCwiSGVpZ2h0IjowLjAsIkJvcmRlclN0eWxlIjp7IiRpZCI6IjQ2OCIsIkxpbmVDb2xvciI6bnVsbCwiTGluZVdlaWdodCI6MC4wLCJMaW5lVHlwZSI6MCwiUGFyZW50U3R5bGUiOm51bGx9LCJQYXJlbnRTdHlsZSI6bnVsbH0sIkR1cmF0aW9uU3R5bGUiOnsiJGlkIjoiNDY5IiwiRm9udFNldHRpbmdzIjp7IiRpZCI6IjQ3MC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Q3MSIsIkxpbmVDb2xvciI6bnVsbCwiTGluZVdlaWdodCI6MC4wLCJMaW5lVHlwZSI6MCwiUGFyZW50U3R5bGUiOm51bGx9LCJQYXJlbnRTdHlsZSI6bnVsbH0sIkhvcml6b250YWxDb25uZWN0b3JTdHlsZSI6eyIkaWQiOiI0NzIiLCJMaW5lQ29sb3IiOnsiJHJlZiI6IjIwMiJ9LCJMaW5lV2VpZ2h0IjoxLjAsIkxpbmVUeXBlIjowLCJQYXJlbnRTdHlsZSI6bnVsbH0sIlZlcnRpY2FsQ29ubmVjdG9yU3R5bGUiOnsiJGlkIjoiNDcz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zQiLCJNYXJnaW4iOnsiJHJlZiI6IjIwOCJ9LCJQYWRkaW5nIjp7IiRyZWYiOiIyMDkifSwiQmFja2dyb3VuZCI6eyIkaWQiOiI0NzUiLCJDb2xvciI6eyIkaWQiOiI0NzYiLCJBIjoyNTUsIlIiOjMyLCJHIjoxMjEsIkIiOjE1MH19LCJJc1Zpc2libGUiOnRydWUsIldpZHRoIjowLjAsIkhlaWdodCI6MTAuMCwiQm9yZGVyU3R5bGUiOnsiJGlkIjoiNDc3IiwiTGluZUNvbG9yIjp7IiRyZWYiOiI0NDAifSwiTGluZVdlaWdodCI6MC4wLCJMaW5lVHlwZSI6MCwiUGFyZW50U3R5bGUiOm51bGx9LCJQYXJlbnRTdHlsZSI6bnVsbH0sIlRpdGx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g3In0sIlBhZGRpbmciOnsiJHJlZiI6IjE4OCJ9LCJCYWNrZ3JvdW5kIjp7IiRpZCI6IjUwMiIsIkNvbG9yIjp7IiRyZWYiOiI0MjkifX0sIklzVmlzaWJsZSI6dHJ1ZSwiV2lkdGgiOjAuMCwiSGVpZ2h0IjowLjAsIkJvcmRlclN0eWxlIjp7IiRpZCI6IjUwMyIsIkxpbmVDb2xvciI6bnVsbCwiTGluZVdlaWdodCI6MC4wLCJMaW5lVHlwZSI6MCwiUGFyZW50U3R5bGUiOm51bGx9LCJQYXJlbnRTdHlsZSI6bnVsbH0sIkR1cmF0aW9uU3R5bGUiOnsiJGlkIjoiNTA0IiwiRm9udFNldHRpbmdzIjp7IiRpZCI6IjUwNS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UwNiIsIkxpbmVDb2xvciI6bnVsbCwiTGluZVdlaWdodCI6MC4wLCJMaW5lVHlwZSI6MCwiUGFyZW50U3R5bGUiOm51bGx9LCJQYXJlbnRTdHlsZSI6bnVsbH0sIkhvcml6b250YWxDb25uZWN0b3JTdHlsZSI6eyIkaWQiOiI1MDciLCJMaW5lQ29sb3IiOnsiJHJlZiI6IjIwMiJ9LCJMaW5lV2VpZ2h0IjoxLjAsIkxpbmVUeXBlIjowLCJQYXJlbnRTdHlsZSI6bnVsbH0sIlZlcnRpY2FsQ29ubmVjdG9yU3R5bGUiOnsiJGlkIjoiNTA4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udWxsfSwiRGF0ZVN0eWxlIjp7IiRpZCI6IjUyMCIsIkZvbnRTZXR0aW5ncyI6eyIkaWQiOiI1MjEiLCJGb250U2l6ZSI6MTAsIkZvbnROYW1lIjoiQ2FsaWJyaSIsIklzQm9sZCI6ZmFsc2UsIklzSXRhbGljIjpmYWxzZSwiSXNVbmRlcmxpbmVkIjpmYWxzZSwiUGFyZW50U3R5bGUiOm51bGx9LCJBdXRvU2l6ZSI6MCwiRm9yZWdyb3VuZCI6eyIkaWQiOiI1MjIiLCJDb2xvciI6eyIkaWQiOiI1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NTM3IiwiQ29sb3IiOnsiJHJlZiI6IjQyOSJ9fSwiSXNWaXNpYmxlIjp0cnVlLCJXaWR0aCI6MC4wLCJIZWlnaHQiOjAuMCwiQm9yZGVyU3R5bGUiOnsiJGlkIjoiNTM4IiwiTGluZUNvbG9yIjpudWxsLCJMaW5lV2VpZ2h0IjowLjAsIkxpbmVUeXBlIjowLCJQYXJlbnRTdHlsZSI6bnVsbH0sIlBhcmVudFN0eWxlIjpudWxsfSwiRHVyYXRpb25TdHlsZSI6eyIkaWQiOiI1MzkiLCJGb250U2V0dGluZ3MiOnsiJGlkIjoiNTQw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TQxIiwiTGluZUNvbG9yIjpudWxsLCJMaW5lV2VpZ2h0IjowLjAsIkxpbmVUeXBlIjowLCJQYXJlbnRTdHlsZSI6bnVsbH0sIlBhcmVudFN0eWxlIjpudWxsfSwiSG9yaXpvbnRhbENvbm5lY3RvclN0eWxlIjp7IiRpZCI6IjU0MiIsIkxpbmVDb2xvciI6eyIkcmVmIjoiMjAyIn0sIkxpbmVXZWlnaHQiOjEuMCwiTGluZVR5cGUiOjAsIlBhcmVudFN0eWxlIjpudWxsfSwiVmVydGljYWxDb25uZWN0b3JTdHlsZSI6eyIkaWQiOiI1NDM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0NCIsIk1hcmdpbiI6eyIkcmVmIjoiMjA4In0sIlBhZGRpbmciOnsiJHJlZiI6IjIwOSJ9LCJCYWNrZ3JvdW5kIjp7IiRpZCI6IjU0NSIsIkNvbG9yIjp7IiRpZCI6IjU0NiIsIkEiOjI1NSwiUiI6MzIsIkciOjEyMSwiQiI6MTUwfX0sIklzVmlzaWJsZSI6dHJ1ZSwiV2lkdGgiOjM4LjA4MjUxOTUzMTI1LCJIZWlnaHQiOjEyLjIyNTM1NDE5NDY0MTExMywiQm9yZGVyU3R5bGUiOnsiJGlkIjoiNTQ3IiwiTGluZUNvbG9yIjp7IiRyZWYiOiI0NDAifSwiTGluZVdlaWdodCI6MC4wLCJMaW5lVHlwZSI6MCwiUGFyZW50U3R5bGUiOm51bGx9LCJQYXJlbnRTdHlsZSI6bnVsbH0sIlRpdGx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mYWxzZSwiV2lkdGgiOjAuMCwiSGVpZ2h0IjowLjAsIkJvcmRlclN0eWxlIjp7IiRpZCI6IjU3OSIsIkxpbmVDb2xvciI6bnVsbCwiTGluZVdlaWdodCI6MC4wLCJMaW5lVHlwZSI6MCwiUGFyZW50U3R5bGUiOm51bGx9LCJQYXJlbnRTdHlsZSI6bnVsbH0sIkhvcml6b250YWxDb25uZWN0b3JTdHlsZSI6eyIkaWQiOiI1ODAiLCJMaW5lQ29sb3IiOnsiJHJlZiI6IjIwMiJ9LCJMaW5lV2VpZ2h0IjoxLjAsIkxpbmVUeXBlIjowLCJQYXJlbnRTdHlsZSI6bnVsbH0sIlZlcnRpY2FsQ29ubmVjdG9yU3R5bGUiOnsiJGlkIjoiNTgx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4NyJ9LCJQYWRkaW5nIjp7IiRyZWYiOiIxODgifSwiQmFja2dyb3VuZCI6eyIkaWQiOiI2OTciLCJDb2xvciI6eyIkcmVmIjoiMTk5In19LCJJc1Zpc2libGUiOnRydWUsIldpZHRoIjowLjAsIkhlaWdodCI6MC4wLCJCb3JkZXJTdHlsZSI6eyIkaWQiOiI2OTgiLCJMaW5lQ29sb3IiOm51bGwsIkxpbmVXZWlnaHQiOjAuMCwiTGluZVR5cGUiOjAsIlBhcmVudFN0eWxlIjpudWxsfSwiUGFyZW50U3R5bGUiOm51bGx9LCJEdXJhdGlvblN0eWxlIjp7IiRpZCI6IjY5OSIsIkZvbnRTZXR0aW5ncyI6eyIkaWQiOiI3MDA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3MDEiLCJMaW5lQ29sb3IiOm51bGwsIkxpbmVXZWlnaHQiOjAuMCwiTGluZVR5cGUiOjAsIlBhcmVudFN0eWxlIjpudWxsfSwiUGFyZW50U3R5bGUiOm51bGx9LCJIb3Jpem9udGFsQ29ubmVjdG9yU3R5bGUiOnsiJGlkIjoiNzAyIiwiTGluZUNvbG9yIjp7IiRyZWYiOiIyMDIifSwiTGluZVdlaWdodCI6MS4wLCJMaW5lVHlwZSI6MCwiUGFyZW50U3R5bGUiOm51bGx9LCJWZXJ0aWNhbENvbm5lY3RvclN0eWxlIjp7IiRpZCI6IjcwMy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HJlZiI6IjIyOCJ9LCJJc1Zpc2libGUiOnRydWUsIldpZHRoIjowLjAsIkhlaWdodCI6MC4wLCJCb3JkZXJTdHlsZSI6eyIkaWQiOiI3MjEiLCJMaW5lQ29sb3IiOm51bGwsIkxpbmVXZWlnaHQiOjAuMCwiTGluZVR5cGUiOjAsIlBhcmVudFN0eWxlIjpudWxsfSwiUGFyZW50U3R5bGUiOm51bGx9LCJEYXRlRm9ybWF0Ijp7IiRpZCI6Ijc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cifSwiUGFkZGluZyI6eyIkcmVmIjoiMTg4In0sIkJhY2tncm91bmQiOnsiJHJlZiI6IjY5NyJ9LCJJc1Zpc2libGUiOnRydWUsIldpZHRoIjowLjAsIkhlaWdodCI6MC4wLCJCb3JkZXJTdHlsZSI6eyIkaWQiOiI3MzMiLCJMaW5lQ29sb3IiOm51bGwsIkxpbmVXZWlnaHQiOjAuMCwiTGluZVR5cGUiOjAsIlBhcmVudFN0eWxlIjpudWxsfSwiUGFyZW50U3R5bGUiOm51bGx9LCJEdXJhdGlvblN0eWxlIjp7IiRpZCI6IjczNCIsIkZvbnRTZXR0aW5ncyI6eyIkaWQiOiI3MzU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3MzYiLCJMaW5lQ29sb3IiOm51bGwsIkxpbmVXZWlnaHQiOjAuMCwiTGluZVR5cGUiOjAsIlBhcmVudFN0eWxlIjpudWxsfSwiUGFyZW50U3R5bGUiOm51bGx9LCJIb3Jpem9udGFsQ29ubmVjdG9yU3R5bGUiOnsiJGlkIjoiNzM3IiwiTGluZUNvbG9yIjp7IiRyZWYiOiIyMDIifSwiTGluZVdlaWdodCI6MS4wLCJMaW5lVHlwZSI6MCwiUGFyZW50U3R5bGUiOm51bGx9LCJWZXJ0aWNhbENvbm5lY3RvclN0eWxlIjp7IiRpZCI6IjczOC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2OTcifSwiSXNWaXNpYmxlIjp0cnVlLCJXaWR0aCI6MC4wLCJIZWlnaHQiOjAuMCwiQm9yZGVyU3R5bGUiOnsiJGlkIjoiNzYzIiwiTGluZUNvbG9yIjpudWxsLCJMaW5lV2VpZ2h0IjowLjAsIkxpbmVUeXBlIjowLCJQYXJlbnRTdHlsZSI6bnVsbH0sIlBhcmVudFN0eWxlIjpudWxsfSwiRHVyYXRpb25TdHlsZSI6eyIkaWQiOiI3NjQiLCJGb250U2V0dGluZ3MiOnsiJGlkIjoiNzY1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zY2IiwiTGluZUNvbG9yIjpudWxsLCJMaW5lV2VpZ2h0IjowLjAsIkxpbmVUeXBlIjowLCJQYXJlbnRTdHlsZSI6bnVsbH0sIlBhcmVudFN0eWxlIjpudWxsfSwiSG9yaXpvbnRhbENvbm5lY3RvclN0eWxlIjp7IiRpZCI6Ijc2NyIsIkxpbmVDb2xvciI6eyIkcmVmIjoiMjAyIn0sIkxpbmVXZWlnaHQiOjEuMCwiTGluZVR5cGUiOjAsIlBhcmVudFN0eWxlIjpudWxsfSwiVmVydGljYWxDb25uZWN0b3JTdHlsZSI6eyIkaWQiOiI3Njg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2OTcifSwiSXNWaXNpYmxlIjp0cnVlLCJXaWR0aCI6MC4wLCJIZWlnaHQiOjAuMCwiQm9yZGVyU3R5bGUiOnsiJGlkIjoiNzkzIiwiTGluZUNvbG9yIjpudWxsLCJMaW5lV2VpZ2h0IjowLjAsIkxpbmVUeXBlIjowLCJQYXJlbnRTdHlsZSI6bnVsbH0sIlBhcmVudFN0eWxlIjpudWxsfSwiRHVyYXRpb25TdHlsZSI6eyIkaWQiOiI3OTQiLCJGb250U2V0dGluZ3MiOnsiJGlkIjoiNzk1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zk2IiwiTGluZUNvbG9yIjpudWxsLCJMaW5lV2VpZ2h0IjowLjAsIkxpbmVUeXBlIjowLCJQYXJlbnRTdHlsZSI6bnVsbH0sIlBhcmVudFN0eWxlIjpudWxsfSwiSG9yaXpvbnRhbENvbm5lY3RvclN0eWxlIjp7IiRpZCI6Ijc5NyIsIkxpbmVDb2xvciI6eyIkcmVmIjoiMjAyIn0sIkxpbmVXZWlnaHQiOjEuMCwiTGluZVR5cGUiOjAsIlBhcmVudFN0eWxlIjpudWxsfSwiVmVydGljYWxDb25uZWN0b3JTdHlsZSI6eyIkaWQiOiI3OTg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2OTcifSwiSXNWaXNpYmxlIjp0cnVlLCJXaWR0aCI6MC4wLCJIZWlnaHQiOjAuMCwiQm9yZGVyU3R5bGUiOnsiJGlkIjoiODIzIiwiTGluZUNvbG9yIjpudWxsLCJMaW5lV2VpZ2h0IjowLjAsIkxpbmVUeXBlIjowLCJQYXJlbnRTdHlsZSI6bnVsbH0sIlBhcmVudFN0eWxlIjpudWxsfSwiRHVyYXRpb25TdHlsZSI6eyIkaWQiOiI4MjQiLCJGb250U2V0dGluZ3MiOnsiJGlkIjoiODI1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ODI2IiwiTGluZUNvbG9yIjpudWxsLCJMaW5lV2VpZ2h0IjowLjAsIkxpbmVUeXBlIjowLCJQYXJlbnRTdHlsZSI6bnVsbH0sIlBhcmVudFN0eWxlIjpudWxsfSwiSG9yaXpvbnRhbENvbm5lY3RvclN0eWxlIjp7IiRpZCI6IjgyNyIsIkxpbmVDb2xvciI6eyIkcmVmIjoiMjAyIn0sIkxpbmVXZWlnaHQiOjEuMCwiTGluZVR5cGUiOjAsIlBhcmVudFN0eWxlIjpudWxsfSwiVmVydGljYWxDb25uZWN0b3JTdHlsZSI6eyIkaWQiOiI4Mjg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UxLCJSIjoxNjUsIkciOjE2NSwiQiI6MTY1fX0sIklzVmlzaWJsZSI6dHJ1ZSwiV2lkdGgiOjAuMCwiSGVpZ2h0IjowLjAsIkJvcmRlclN0eWxlIjp7IiRpZCI6Ijg2NyIsIkxpbmVDb2xvciI6eyIkaWQiOiI4NjgiLCIkdHlwZSI6Ik5MUkUuQ29tbW9uLkRvbS5Tb2xpZENvbG9yQnJ1c2gsIE5MUkUuQ29tbW9uIiwiQ29sb3IiOnsiJGlkIjoiODY5IiwiQSI6MjU1LCJSIjo0NywiRyI6ODIsIkIiOjE0M3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4NyJ9LCJQYWRkaW5nIjp7IiRyZWYiOiIxODgifSwiQmFja2dyb3VuZCI6eyIkaWQiOiI4ODEiLCJDb2xvciI6eyIkaWQiOiI4ODIiLCJBIjo4OSwiUiI6MCwiRyI6MCwiQiI6MH19LCJJc1Zpc2libGUiOnRydWUsIldpZHRoIjowLjAsIkhlaWdodCI6MC4wLCJCb3JkZXJTdHlsZSI6eyIkaWQiOiI4ODMiLCJMaW5lQ29sb3IiOm51bGwsIkxpbmVXZWlnaHQiOjAuMCwiTGluZVR5cGUiOjAsIlBhcmVudFN0eWxlIjpudWxsfSwiUGFyZW50U3R5bGUiOm51bGx9LCJEdXJhdGlvblN0eWxlIjp7IiRpZCI6Ijg4NCIsIkZvbnRTZXR0aW5ncyI6eyIkaWQiOiI4ODU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4ODYiLCJMaW5lQ29sb3IiOm51bGwsIkxpbmVXZWlnaHQiOjAuMCwiTGluZVR5cGUiOjAsIlBhcmVudFN0eWxlIjpudWxsfSwiUGFyZW50U3R5bGUiOm51bGx9LCJIb3Jpem9udGFsQ29ubmVjdG9yU3R5bGUiOnsiJGlkIjoiODg3IiwiTGluZUNvbG9yIjp7IiRyZWYiOiIyMDIifSwiTGluZVdlaWdodCI6MS4wLCJMaW5lVHlwZSI6MCwiUGFyZW50U3R5bGUiOm51bGx9LCJWZXJ0aWNhbENvbm5lY3RvclN0eWxlIjp7IiRpZCI6Ijg4OC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HJlZiI6IjIyOCJ9LCJJc1Zpc2libGUiOnRydWUsIldpZHRoIjowLjAsIkhlaWdodCI6MC4wLCJCb3JkZXJTdHlsZSI6eyIkaWQiOiI5MDQiLCJMaW5lQ29sb3IiOm51bGwsIkxpbmVXZWlnaHQiOjAuMCwiTGluZVR5cGUiOjAsIlBhcmVudFN0eWxlIjpudWxsfSwiUGFyZW50U3R5bGUiOm51bGx9LCJEYXRlRm9ybWF0Ijp7IiRpZCI6Ijk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cifSwiUGFkZGluZyI6eyIkcmVmIjoiMTg4In0sIkJhY2tncm91bmQiOnsiJGlkIjoiMTAyNiIsIkNvbG9yIjp7IiRyZWYiOiI4ODIifX0sIklzVmlzaWJsZSI6dHJ1ZSwiV2lkdGgiOjAuMCwiSGVpZ2h0IjowLjAsIkJvcmRlclN0eWxlIjp7IiRpZCI6IjEwMjciLCJMaW5lQ29sb3IiOm51bGwsIkxpbmVXZWlnaHQiOjAuMCwiTGluZVR5cGUiOjAsIlBhcmVudFN0eWxlIjpudWxsfSwiUGFyZW50U3R5bGUiOm51bGx9LCJEdXJhdGlvblN0eWxlIjp7IiRpZCI6IjEwMjgiLCJGb250U2V0dGluZ3MiOnsiJGlkIjoiMTAyOS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EwMzAiLCJMaW5lQ29sb3IiOm51bGwsIkxpbmVXZWlnaHQiOjAuMCwiTGluZVR5cGUiOjAsIlBhcmVudFN0eWxlIjpudWxsfSwiUGFyZW50U3R5bGUiOm51bGx9LCJIb3Jpem9udGFsQ29ubmVjdG9yU3R5bGUiOnsiJGlkIjoiMTAzMSIsIkxpbmVDb2xvciI6eyIkcmVmIjoiMjAyIn0sIkxpbmVXZWlnaHQiOjEuMCwiTGluZVR5cGUiOjAsIlBhcmVudFN0eWxlIjpudWxsfSwiVmVydGljYWxDb25uZWN0b3JTdHlsZSI6eyIkaWQiOiIxMDMy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EwNDMiLCJDb2xvciI6eyIkaWQiOiIxMDQ0IiwiQSI6MCwiUiI6MjU1LCJHIjoyNTUsIkIiOjI1NX19LCJJc1Zpc2libGUiOnRydWUsIldpZHRoIjowLjAsIkhlaWdodCI6MC4wLCJCb3JkZXJTdHlsZSI6eyIkaWQiOiIxMDQ1IiwiTGluZUNvbG9yIjpudWxsLCJMaW5lV2VpZ2h0IjowLjAsIkxpbmVUeXBlIjowLCJQYXJlbnRTdHlsZSI6bnVsbH0sIlBhcmVudFN0eWxlIjpudWxsfSwiRGF0ZVN0eWxlIjp7IiRpZCI6IjEwNDYiLCJGb250U2V0dGluZ3MiOnsiJGlkIjoiMTA0Ny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pZCI6IjEwNTkiLCJDb2xvciI6eyIkcmVmIjoiODgyIn19LCJJc1Zpc2libGUiOnRydWUsIldpZHRoIjowLjAsIkhlaWdodCI6MC4wLCJCb3JkZXJTdHlsZSI6eyIkaWQiOiIxMDYwIiwiTGluZUNvbG9yIjpudWxsLCJMaW5lV2VpZ2h0IjowLjAsIkxpbmVUeXBlIjowLCJQYXJlbnRTdHlsZSI6bnVsbH0sIlBhcmVudFN0eWxlIjpudWxsfSwiRHVyYXRpb25TdHlsZSI6eyIkaWQiOiIxMDYxIiwiRm9udFNldHRpbmdzIjp7IiRpZCI6IjEwNjI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xMDYzIiwiTGluZUNvbG9yIjpudWxsLCJMaW5lV2VpZ2h0IjowLjAsIkxpbmVUeXBlIjowLCJQYXJlbnRTdHlsZSI6bnVsbH0sIlBhcmVudFN0eWxlIjpudWxsfSwiSG9yaXpvbnRhbENvbm5lY3RvclN0eWxlIjp7IiRpZCI6IjEwNjQiLCJMaW5lQ29sb3IiOnsiJHJlZiI6IjIwMiJ9LCJMaW5lV2VpZ2h0IjoxLjAsIkxpbmVUeXBlIjowLCJQYXJlbnRTdHlsZSI6bnVsbH0sIlZlcnRpY2FsQ29ubmVjdG9yU3R5bGUiOnsiJGlkIjoiMTA2NS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jMifSwiUGFkZGluZyI6eyIkcmVmIjoiNjQifSwiQmFja2dyb3VuZCI6eyIkaWQiOiIxNTg1IiwiQ29sb3IiOnsiJHJlZiI6IjE5OSJ9fSwiSXNWaXNpYmxlIjp0cnVlLCJXaWR0aCI6MC4wLCJIZWlnaHQiOjAuMCwiQm9yZGVyU3R5bGUiOm51bGwsIlBhcmVudFN0eWxlIjpudWxsfSwiRGF0ZUZvcm1hdCI6eyIkaWQiOiIxNT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DciLCJGb3JtYXQiOjAsIklzVmlzaWJsZSI6ZmFsc2UsIkxhc3RLbm93blZpc2liaWxpdHlTdGF0ZSI6ZmFsc2V9LCJJc1Zpc2libGUiOnRydWUsIlBhcmVudFN0eWxlIjpudWxsfSwiRGVmYXVsdFRhc2tTdHlsZSI6eyIkaWQiOiIxNTg4IiwiU2hhcGUiOjcsIlNoYXBlVGhpY2tuZXNzIjowLCJEdXJhdGlvbkZvcm1hdCI6MCwiSW5jbHVkZU5vbldvcmtpbmdEYXlzSW5EdXJhdGlvbiI6ZmFsc2UsIlBlcmNlbnRhZ2VDb21wbGV0ZVN0eWxlIjp7IiRpZCI6IjE1ODkiLCJGb250U2V0dGluZ3MiOnsiJGlkIjoiMTU5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MTg3In0sIlBhZGRpbmciOnsiJHJlZiI6IjE4OCJ9LCJCYWNrZ3JvdW5kIjp7IiRyZWYiOiI2OTcifSwiSXNWaXNpYmxlIjp0cnVlLCJXaWR0aCI6MC4wLCJIZWlnaHQiOjAuMCwiQm9yZGVyU3R5bGUiOm51bGwsIlBhcmVudFN0eWxlIjpudWxsfSwiRHVyYXRpb25TdHlsZSI6eyIkaWQiOiIxNTkxIiwiRm9udFNldHRpbmdzIjp7IiRpZCI6IjE1OTI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bnVsbCwiUGFyZW50U3R5bGUiOm51bGx9LCJIb3Jpem9udGFsQ29ubmVjdG9yU3R5bGUiOnsiJGlkIjoiMTU5MyIsIkxpbmVDb2xvciI6eyIkcmVmIjoiMjAyIn0sIkxpbmVXZWlnaHQiOjEuMCwiTGluZVR5cGUiOjAsIlBhcmVudFN0eWxlIjpudWxsfSwiVmVydGljYWxDb25uZWN0b3JTdHlsZSI6eyIkaWQiOiIxNTk0IiwiTGluZUNvbG9yIjp7IiRyZWYiOiIyMDU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IxOSJ9LCJQYWRkaW5nIjp7IiRyZWYiOiIyMjAifSwiQmFja2dyb3VuZCI6eyIkaWQiOiIxNjA1IiwiQ29sb3IiOnsiJHJlZiI6IjE5OSJ9fSwiSXNWaXNpYmxlIjp0cnVlLCJXaWR0aCI6MC4wLCJIZWlnaHQiOjAuMCwiQm9yZGVyU3R5bGUiOm51bGwsIlBhcmVudFN0eWxlIjpudWxsfSwiRGF0ZVN0eWxlIjp7IiRpZCI6IjE2MDYiLCJGb250U2V0dGluZ3MiOnsiJGlkIjoiMTYwNy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i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Gb3JtYXQiOnsiJGlkIjoiMTY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5IiwiRm9ybWF0IjowLCJJc1Zpc2libGUiOmZhbHNlLCJMYXN0S25vd25WaXNpYmlsaXR5U3RhdGUiOmZhbHNlfSwiSXNWaXNpYmxlIjp0cnVlLCJQYXJlbnRTdHlsZSI6bnVsbCwiX2V4cGxpY2l0bHlTZXQiOnsiJGlkIjoiMTYx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2MyJ9LCJQYWRkaW5nIjp7IiRyZWYiOiI2NCJ9LCJCYWNrZ3JvdW5kIjp7IiRpZCI6IjE4MDAiLCJDb2xvciI6eyIkaWQiOiIxODAxIiwiQSI6MCwiUiI6MjU1LCJHIjoyNTUsIkIiOjI1NX19LCJJc1Zpc2libGUiOmZhbHNlLCJXaWR0aCI6MC4wLCJIZWlnaHQiOjAuMCwiQm9yZGVyU3R5bGUiOnsiJGlkIjoiMTgwMiIsIkxpbmVDb2xvciI6bnVsbCwiTGluZVdlaWdodCI6MC4wLCJMaW5lVHlwZSI6MCwiUGFyZW50U3R5bGUiOm51bGx9LCJQYXJlbnRTdHlsZSI6bnVsbH0sIkRhdGVGb3JtYXQiOnsiJGlkIjoiMTg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2MyJ9LCJQYWRkaW5nIjp7IiRyZWYiOiI2NCJ9LCJCYWNrZ3JvdW5kIjp7IiRpZCI6IjE4NTEiLCJDb2xvciI6eyIkaWQiOiIxODUyIiwiQSI6MCwiUiI6MjU1LCJHIjoyNTUsIkIiOjI1NX19LCJJc1Zpc2libGUiOmZhbHNlLCJXaWR0aCI6MC4wLCJIZWlnaHQiOjAuMCwiQm9yZGVyU3R5bGUiOnsiJGlkIjoiMTg1MyIsIkxpbmVDb2xvciI6bnVsbCwiTGluZVdlaWdodCI6MC4wLCJMaW5lVHlwZSI6MCwiUGFyZW50U3R5bGUiOm51bGx9LCJQYXJlbnRTdHlsZSI6bnVsbH0sIkRhdGVGb3JtYXQiOnsiJGlkIjoiMTg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MTg2NCIsIkNvbG9yIjp7IiRpZCI6IjE4NjUiLCJBIjo4OSwiUiI6MCwiRyI6MCwiQiI6MH19LCJJc1Zpc2libGUiOnRydWUsIldpZHRoIjowLjAsIkhlaWdodCI6MC4wLCJCb3JkZXJTdHlsZSI6eyIkaWQiOiIxODY2IiwiTGluZUNvbG9yIjpudWxsLCJMaW5lV2VpZ2h0IjowLjAsIkxpbmVUeXBlIjowLCJQYXJlbnRTdHlsZSI6bnVsbH0sIlBhcmVudFN0eWxlIjpudWxsfSwiRHVyYXRpb25TdHlsZSI6eyIkaWQiOiIxODY3IiwiRm9udFNldHRpbmdzIjp7IiRpZCI6IjE4Njg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MTg5MSIsIkNvbG9yIjp7IiRpZCI6IjE4OTIiLCJBIjowLCJSIjoyNTUsIkciOjI1NSwiQiI6MjU1fX0sIklzVmlzaWJsZSI6dHJ1ZSwiV2lkdGgiOjAuMCwiSGVpZ2h0IjowLjAsIkJvcmRlclN0eWxlIjp7IiRpZCI6IjE4OTMiLCJMaW5lQ29sb3IiOm51bGwsIkxpbmVXZWlnaHQiOjAuMCwiTGluZVR5cGUiOjAsIlBhcmVudFN0eWxlIjpudWxsfSwiUGFyZW50U3R5bGUiOm51bGx9LCJEYXRlRm9ybWF0Ijp7IiRpZCI6IjE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MTkwNCIsIkNvbG9yIjp7IiRpZCI6IjE5MDUiLCJBIjo4OSwiUiI6MCwiRyI6MCwiQiI6MH19LCJJc1Zpc2libGUiOnRydWUsIldpZHRoIjowLjAsIkhlaWdodCI6MC4wLCJCb3JkZXJTdHlsZSI6eyIkaWQiOiIxOTA2IiwiTGluZUNvbG9yIjpudWxsLCJMaW5lV2VpZ2h0IjowLjAsIkxpbmVUeXBlIjowLCJQYXJlbnRTdHlsZSI6bnVsbH0sIlBhcmVudFN0eWxlIjpudWxsfSwiRHVyYXRpb25TdHlsZSI6eyIkaWQiOiIxOTA3IiwiRm9udFNldHRpbmdzIjp7IiRpZCI6IjE5MDg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4NyJ9LCJQYWRkaW5nIjp7IiRyZWYiOiIxODgifSwiQmFja2dyb3VuZCI6eyIkaWQiOiIxOTQzIiwiQ29sb3IiOnsiJGlkIjoiMTk0NCIsIkEiOjg5LCJSIjowLCJHIjowLCJCIjowfX0sIklzVmlzaWJsZSI6dHJ1ZSwiV2lkdGgiOjAuMCwiSGVpZ2h0IjowLjAsIkJvcmRlclN0eWxlIjp7IiRpZCI6IjE5NDUiLCJMaW5lQ29sb3IiOm51bGwsIkxpbmVXZWlnaHQiOjAuMCwiTGluZVR5cGUiOjAsIlBhcmVudFN0eWxlIjpudWxsfSwiUGFyZW50U3R5bGUiOm51bGx9LCJEdXJhdGlvblN0eWxlIjp7IiRpZCI6IjE5NDYiLCJGb250U2V0dGluZ3MiOnsiJGlkIjoiMTk0Ny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iwiUmVjZW50Q29sb3JzQ29sbGVjdGlvbiI6IltcIiNGRjJGMzY5OVwiXSJ9LCJTZXR0aW5ncyI6eyIkaWQiOiIxOTc4IiwiSW1wYU9wdGlvbnMiOnsiJGlkIjoiMTk3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DOlxcVXNlcnNcXENpb2NhbiBMYXVyYVxcRG9jdW1lbnRzXFxPVEwgT1RPIFN0dWZmXFxSb2FkbWFwc1xcUm9hZG1hcHMgLSBIb3cgdG8gbWFrZSAtIFBvd2VyUG9pbnRcXFRpbWVsaW5lIERhdGEueGxzeCIsIlRpbWVDb25maWd1cmF0aW9uIjp7IiRpZCI6IjE5ODA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6T00:00:00.0000000Z"/>
  <p:tag name="OTLENDDATE" val="2022-04-04T23:59:00.0000000"/>
  <p:tag name="OTLPERCENTAGE" val="60"/>
  <p:tag name="OTLDURATIONFORMAT" val="day"/>
  <p:tag name="OTLSPACING" val="3"/>
  <p:tag name="OTLSHAPETHICKNESSTYPE" val="Thin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3T00:00:00.0000000"/>
  <p:tag name="OTLENDDATE" val="2022-09-20T23:59:00.0000000Z"/>
  <p:tag name="OTLPERCENTAGE" val="20"/>
  <p:tag name="OTLDURATIONFORMAT" val="day"/>
  <p:tag name="OTLSPACING" val="3"/>
  <p:tag name="OTLSHAPETHICKNESSTYPE" val="Thin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2T00:00:00.0000000Z"/>
  <p:tag name="OTLENDDATE" val="2023-09-01T23:59:00.0000000Z"/>
  <p:tag name="OTLPERCENTAGE" val="0"/>
  <p:tag name="OTLDURATIONFORMAT" val="day"/>
  <p:tag name="OTLSPACING" val="3"/>
  <p:tag name="OTLSHAPETHICKNESSTYPE" val="Thin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Center"/>
  <p:tag name="OTLRELATEDTASKID" val="9e4cdc3d-06c4-4978-b1b2-dcd06dbe3d35"/>
  <p:tag name="OTLMTITLE" val="Checkpoint 1"/>
  <p:tag name="OTLDATE" val="2022-04-20T23:59:00.0000000"/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2"/>
  <p:tag name="OTLPOSITIONONTASK" val="Center"/>
  <p:tag name="OTLRELATEDTASKID" val="09650773-1fa9-4a99-a07d-38e09d6086c8"/>
  <p:tag name="OTLDATE" val="2023-11-10T23:59:00.0000000"/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V1"/>
  <p:tag name="OTLPOSITIONONTASK" val="Center"/>
  <p:tag name="OTLRELATEDTASKID" val="5b14614b-c456-49ef-aadc-a1f538dacaae"/>
  <p:tag name="OTLDATE" val="2022-10-18T23:59:00.0000000"/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V2"/>
  <p:tag name="OTLPOSITIONONTASK" val="Center"/>
  <p:tag name="OTLRELATEDTASKID" val="c64ec2d2-7707-4b3b-9839-63e2e8fe0c15"/>
  <p:tag name="OTLDATE" val="2023-09-01T23:59:00.0000000"/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Release"/>
  <p:tag name="OTLDATE" val="2023-09-30T23:59:00.0000000"/>
  <p:tag name="OTLPOSITIONONTASK" val="None"/>
  <p:tag name="OTLRELATEDTASKID" val="00000000-0000-0000-0000-000000000000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126c7706-a121-4aa8-97ea-f51f8dfe330a"/>
  <p:tag name="OTLPOSITIONONTASK" val="Center"/>
  <p:tag name="OTLMTITLE" val="U1 Check"/>
  <p:tag name="OTLMARKERSHAPE" val="OTL"/>
  <p:tag name="OTLDATE" val="2022-03-17T23:59:00.0000000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cad8d00c-5bfe-4949-aaf8-4c6d3d685e5a"/>
  <p:tag name="OTLPOSITIONONTASK" val="Center"/>
  <p:tag name="OTLMTITLE" val="U2 Check"/>
  <p:tag name="OTLMARKERSHAPE" val="OTL"/>
  <p:tag name="OTLDATE" val="2022-09-03T23:59:00.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TIMEBANDENDDATE" val="2023-12-28T23:59:00.0000000"/>
  <p:tag name="OTLLEFTENDCAPSMARGINLEFT" val="88.3375394321765"/>
  <p:tag name="OTLTIMEBANDRESERVEDLEFTAREAWIDTH" val="46.2807570977915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Center"/>
  <p:tag name="OTLRELATEDTASKID" val="50266eb2-74c4-4a1f-98d5-f254d0340496"/>
  <p:tag name="OTLMTITLE" val="U3 Check"/>
  <p:tag name="OTLMARKERSHAPE" val="OTL"/>
  <p:tag name="OTLDATE" val="2023-08-14T23:59:00.0000000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2 Assessment"/>
  <p:tag name="OTLDATE" val="2022-12-28T23:59:00.0000000"/>
  <p:tag name="OTLPOSITIONONTASK" val="None"/>
  <p:tag name="OTLRELATEDTASKID" val="00000000-0000-0000-0000-000000000000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3 Assessment"/>
  <p:tag name="OTLDATE" val="2023-12-28T23:59:00.0000000"/>
  <p:tag name="OTLPOSITIONONTASK" val="None"/>
  <p:tag name="OTLRELATEDTASKID" val="00000000-0000-0000-0000-000000000000"/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TIMEBANDENDDATE" val="2023-12-28T23:59:00.0000000"/>
  <p:tag name="OTLLEFTENDCAPSMARGINLEFT" val="88.3375394321765"/>
  <p:tag name="OTLTIMEBANDRESERVEDLEFTAREAWIDTH" val="46.2807570977915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1-10-01T00:00:00.0000000Z"/>
  <p:tag name="OTLENDDATE" val="2022-11-16T23:59:00.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1-12-06T23:59:00.0000000"/>
  <p:tag name="OTLDURATIONFORMAT" val="day"/>
  <p:tag name="OTLSPACING" val="3"/>
  <p:tag name="OTLSHAPETHICKNESSTYP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3-02-10T23:59:00.0000000"/>
  <p:tag name="OTLSTARTDATE" val="2023-01-02T00:00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2-11T00:00:00.0000000"/>
  <p:tag name="OTLENDDATE" val="2023-04-08T23:59:00.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1-10-02T00:00:00.0000000"/>
  <p:tag name="OTLENDDATE" val="2022-05-31T23:59:00.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6-10T00:00:00.0000000"/>
  <p:tag name="OTLENDDATE" val="2022-12-22T23:59:00.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20T00:00:00.0000000Z"/>
  <p:tag name="OTLENDDATE" val="2023-12-20T23:59:00.0000000Z"/>
  <p:tag name="OTLDURATIONFORMAT" val="day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1-10-01T00:00:00.0000000Z"/>
  <p:tag name="OTLENDDATE" val="2023-12-20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4-09T00:00:00.0000000"/>
  <p:tag name="OTLENDDATE" val="2023-08-12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8-13T00:00:00.0000000Z"/>
  <p:tag name="OTLENDDATE" val="2023-10-20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3-12-04T23:59:00.0000000"/>
  <p:tag name="OTLSTARTDATE" val="2023-10-21T00:00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1-02T00:00:00.0000000"/>
  <p:tag name="OTLENDDATE" val="2023-02-10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2-11T00:00:00.0000000Z"/>
  <p:tag name="OTLENDDATE" val="2023-04-08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3-08-12T23:59:00.0000000"/>
  <p:tag name="OTLSTARTDATE" val="2023-04-09T00:00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3-10-20T23:59:00.0000000"/>
  <p:tag name="OTLSTARTDATE" val="2023-08-13T00:00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10-21T00:00:00.0000000Z"/>
  <p:tag name="OTLENDDATE" val="2023-12-04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9-30T23:59:00.0000000Z"/>
  <p:tag name="OTLDURATIONFORMAT" val="day"/>
  <p:tag name="OTLSPACING" val="3"/>
  <p:tag name="OTLSHAPETHICKNESSTYPE" val="Thin"/>
  <p:tag name="OTLSTARTDATE" val="2022-07-01T00:00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7-10T00:00:00.0000000Z"/>
  <p:tag name="OTLENDDATE" val="2022-10-05T23:59:00.0000000Z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02-27T23:59:00.0000000"/>
  <p:tag name="OTLSTARTDATE" val="2021-12-07T00:00:00.0000000Z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07-09T23:59:00.0000000"/>
  <p:tag name="OTLSTARTDATE" val="2022-02-28T00:00:00.0000000Z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11-16T23:59:00.0000000Z"/>
  <p:tag name="OTLSTARTDATE" val="2022-10-06T00:00:00.0000000Z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09-07T23:59:00.0000000"/>
  <p:tag name="OTLSTARTDATE" val="2022-07-01T00:00:00.0000000Z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12-11T23:59:00.0000000"/>
  <p:tag name="OTLSTARTDATE" val="2022-09-08T00:00:00.0000000Z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3-05-10T23:59:00.0000000"/>
  <p:tag name="OTLSTARTDATE" val="2022-12-12T00:00:00.0000000Z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5-11T00:00:00.0000000Z"/>
  <p:tag name="OTLENDDATE" val="2023-08-18T23:59:00.0000000Z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9-30T23:59:00.0000000Z"/>
  <p:tag name="OTLDURATIONFORMAT" val="day"/>
  <p:tag name="OTLSPACING" val="3"/>
  <p:tag name="OTLSHAPETHICKNESSTYPE" val="Custom"/>
  <p:tag name="OTLSTARTDATE" val="2023-08-19T00:00:00.0000000Z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0</Words>
  <Application>Microsoft Office PowerPoint</Application>
  <PresentationFormat>Widescreen</PresentationFormat>
  <Paragraphs>7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25T10:00:31Z</dcterms:created>
  <dcterms:modified xsi:type="dcterms:W3CDTF">2022-06-28T13:05:48Z</dcterms:modified>
</cp:coreProperties>
</file>